
<file path=[Content_Types].xml><?xml version="1.0" encoding="utf-8"?>
<Types xmlns="http://schemas.openxmlformats.org/package/2006/content-types">
  <Default Extension="jpeg" ContentType="image/jpeg"/>
  <Default Extension="jp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theme/theme2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charts/chartEx1.xml" ContentType="application/vnd.ms-office.chartex+xml"/>
  <Override PartName="/ppt/charts/style1.xml" ContentType="application/vnd.ms-office.chartstyle+xml"/>
  <Override PartName="/ppt/charts/colors1.xml" ContentType="application/vnd.ms-office.chartcolorstyle+xml"/>
  <Override PartName="/ppt/theme/themeOverride1.xml" ContentType="application/vnd.openxmlformats-officedocument.themeOverride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changesInfos/changesInfo1.xml" ContentType="application/vnd.ms-powerpoint.changesinfo+xml"/>
  <Override PartName="/ppt/revisionInfo.xml" ContentType="application/vnd.ms-powerpoint.revisioninfo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howSpecialPlsOnTitleSld="0" saveSubsetFonts="1" autoCompressPictures="0">
  <p:sldMasterIdLst>
    <p:sldMasterId id="2147483660" r:id="rId1"/>
  </p:sldMasterIdLst>
  <p:notesMasterIdLst>
    <p:notesMasterId r:id="rId15"/>
  </p:notesMasterIdLst>
  <p:sldIdLst>
    <p:sldId id="267" r:id="rId2"/>
    <p:sldId id="268" r:id="rId3"/>
    <p:sldId id="271" r:id="rId4"/>
    <p:sldId id="272" r:id="rId5"/>
    <p:sldId id="276" r:id="rId6"/>
    <p:sldId id="282" r:id="rId7"/>
    <p:sldId id="277" r:id="rId8"/>
    <p:sldId id="283" r:id="rId9"/>
    <p:sldId id="284" r:id="rId10"/>
    <p:sldId id="285" r:id="rId11"/>
    <p:sldId id="286" r:id="rId12"/>
    <p:sldId id="287" r:id="rId13"/>
    <p:sldId id="280" r:id="rId14"/>
  </p:sldIdLst>
  <p:sldSz cx="24387175" cy="13716000"/>
  <p:notesSz cx="6858000" cy="9144000"/>
  <p:defaultTextStyle>
    <a:defPPr>
      <a:defRPr lang="en-US"/>
    </a:defPPr>
    <a:lvl1pPr marL="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4320" userDrawn="1">
          <p15:clr>
            <a:srgbClr val="A4A3A4"/>
          </p15:clr>
        </p15:guide>
        <p15:guide id="2" pos="7681" userDrawn="1">
          <p15:clr>
            <a:srgbClr val="A4A3A4"/>
          </p15:clr>
        </p15:guide>
      </p15:sld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revisionInfo.xml><?xml version="1.0" encoding="utf-8"?>
<p1510:revInfo xmlns:a="http://schemas.openxmlformats.org/drawingml/2006/main" xmlns:r="http://schemas.openxmlformats.org/officeDocument/2006/relationships" xmlns:p1510="http://schemas.microsoft.com/office/powerpoint/2015/10/main">
  <p1510:revLst>
    <p1510:client id="{0581C5ED-2A29-423A-869E-D7FA90C0E67A}" v="253" dt="2022-03-10T21:25:01.857"/>
    <p1510:client id="{382205BE-2417-4B15-A8CD-101EAA3A0949}" v="672" dt="2022-03-10T18:25:24.150"/>
    <p1510:client id="{958E2CF4-DB9B-4393-8F72-8AC7FE37CF8A}" v="1475" dt="2022-03-16T14:42:13.116"/>
    <p1510:client id="{A6510A7E-F8B4-484A-BC25-26B93E0C8CF8}" v="82" dt="2022-03-15T17:07:18.122"/>
    <p1510:client id="{A77E8649-85AF-4F9E-A210-7281BEDACD09}" v="322" dt="2022-03-15T17:52:07.016"/>
    <p1510:client id="{B3D759D9-630B-4125-911C-38EF127FF6ED}" v="189" dt="2022-03-10T16:51:45.889"/>
    <p1510:client id="{F1702D27-FB6C-493C-965F-AA539920D711}" v="53" dt="2022-03-10T16:41:40.686"/>
  </p1510:revLst>
</p1510:revInfo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21E4AEA4-8DFA-4A89-87EB-49C32662AFE0}" styleName="Medium Style 2 - Accent 2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2">
              <a:tint val="20000"/>
            </a:schemeClr>
          </a:solidFill>
        </a:fill>
      </a:tcStyle>
    </a:wholeTbl>
    <a:band1H>
      <a:tcStyle>
        <a:tcBdr/>
        <a:fill>
          <a:solidFill>
            <a:schemeClr val="accent2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2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2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2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2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2"/>
          </a:solidFill>
        </a:fill>
      </a:tcStyle>
    </a:firstRow>
  </a:tblStyle>
  <a:tblStyle styleId="{912C8C85-51F0-491E-9774-3900AFEF0FD7}" styleName="Light Style 2 - Accent 6">
    <a:wholeTbl>
      <a:tcTxStyle>
        <a:fontRef idx="minor">
          <a:scrgbClr r="0" g="0" b="0"/>
        </a:fontRef>
        <a:schemeClr val="tx1"/>
      </a:tcTxStyle>
      <a:tcStyle>
        <a:tcBdr>
          <a:left>
            <a:lnRef idx="1">
              <a:schemeClr val="accent6"/>
            </a:lnRef>
          </a:left>
          <a:right>
            <a:lnRef idx="1">
              <a:schemeClr val="accent6"/>
            </a:lnRef>
          </a:right>
          <a:top>
            <a:lnRef idx="1">
              <a:schemeClr val="accent6"/>
            </a:lnRef>
          </a:top>
          <a:bottom>
            <a:lnRef idx="1">
              <a:schemeClr val="accent6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>
          <a:top>
            <a:lnRef idx="1">
              <a:schemeClr val="accent6"/>
            </a:lnRef>
          </a:top>
          <a:bottom>
            <a:lnRef idx="1">
              <a:schemeClr val="accent6"/>
            </a:lnRef>
          </a:bottom>
        </a:tcBdr>
      </a:tcStyle>
    </a:band1H>
    <a:band1V>
      <a:tcStyle>
        <a:tcBdr>
          <a:left>
            <a:lnRef idx="1">
              <a:schemeClr val="accent6"/>
            </a:lnRef>
          </a:left>
          <a:right>
            <a:lnRef idx="1">
              <a:schemeClr val="accent6"/>
            </a:lnRef>
          </a:right>
        </a:tcBdr>
      </a:tcStyle>
    </a:band1V>
    <a:band2V>
      <a:tcStyle>
        <a:tcBdr>
          <a:left>
            <a:lnRef idx="1">
              <a:schemeClr val="accent6"/>
            </a:lnRef>
          </a:left>
          <a:right>
            <a:lnRef idx="1">
              <a:schemeClr val="accent6"/>
            </a:lnRef>
          </a:right>
        </a:tcBdr>
      </a:tcStyle>
    </a:band2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6"/>
              </a:solidFill>
            </a:ln>
          </a:top>
        </a:tcBdr>
      </a:tcStyle>
    </a:lastRow>
    <a:firstRow>
      <a:tcTxStyle b="on">
        <a:fontRef idx="minor">
          <a:scrgbClr r="0" g="0" b="0"/>
        </a:fontRef>
        <a:schemeClr val="bg1"/>
      </a:tcTxStyle>
      <a:tcStyle>
        <a:tcBdr/>
        <a:fillRef idx="1">
          <a:schemeClr val="accent6"/>
        </a:fillRef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20013" autoAdjust="0"/>
    <p:restoredTop sz="94694"/>
  </p:normalViewPr>
  <p:slideViewPr>
    <p:cSldViewPr snapToGrid="0" snapToObjects="1" showGuides="1">
      <p:cViewPr varScale="1">
        <p:scale>
          <a:sx n="45" d="100"/>
          <a:sy n="45" d="100"/>
        </p:scale>
        <p:origin x="96" y="648"/>
      </p:cViewPr>
      <p:guideLst>
        <p:guide orient="horz" pos="4320"/>
        <p:guide pos="7681"/>
      </p:guideLst>
    </p:cSldViewPr>
  </p:slideViewPr>
  <p:notesTextViewPr>
    <p:cViewPr>
      <p:scale>
        <a:sx n="1" d="1"/>
        <a:sy n="1" d="1"/>
      </p:scale>
      <p:origin x="0" y="0"/>
    </p:cViewPr>
  </p:notesTextViewPr>
  <p:sorterViewPr>
    <p:cViewPr>
      <p:scale>
        <a:sx n="66" d="100"/>
        <a:sy n="66" d="100"/>
      </p:scale>
      <p:origin x="0" y="0"/>
    </p:cViewPr>
  </p:sorter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slide" Target="slides/slide12.xml"/><Relationship Id="rId18" Type="http://schemas.openxmlformats.org/officeDocument/2006/relationships/theme" Target="theme/theme1.xml"/><Relationship Id="rId3" Type="http://schemas.openxmlformats.org/officeDocument/2006/relationships/slide" Target="slides/slide2.xml"/><Relationship Id="rId21" Type="http://schemas.microsoft.com/office/2015/10/relationships/revisionInfo" Target="revisionInfo.xml"/><Relationship Id="rId7" Type="http://schemas.openxmlformats.org/officeDocument/2006/relationships/slide" Target="slides/slide6.xml"/><Relationship Id="rId12" Type="http://schemas.openxmlformats.org/officeDocument/2006/relationships/slide" Target="slides/slide11.xml"/><Relationship Id="rId17" Type="http://schemas.openxmlformats.org/officeDocument/2006/relationships/viewProps" Target="viewProps.xml"/><Relationship Id="rId2" Type="http://schemas.openxmlformats.org/officeDocument/2006/relationships/slide" Target="slides/slide1.xml"/><Relationship Id="rId16" Type="http://schemas.openxmlformats.org/officeDocument/2006/relationships/presProps" Target="presProps.xml"/><Relationship Id="rId20" Type="http://schemas.microsoft.com/office/2016/11/relationships/changesInfo" Target="changesInfos/changesInfo1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5" Type="http://schemas.openxmlformats.org/officeDocument/2006/relationships/slide" Target="slides/slide4.xml"/><Relationship Id="rId15" Type="http://schemas.openxmlformats.org/officeDocument/2006/relationships/notesMaster" Target="notesMasters/notesMaster1.xml"/><Relationship Id="rId10" Type="http://schemas.openxmlformats.org/officeDocument/2006/relationships/slide" Target="slides/slide9.xml"/><Relationship Id="rId19" Type="http://schemas.openxmlformats.org/officeDocument/2006/relationships/tableStyles" Target="tableStyles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slide" Target="slides/slide13.xml"/></Relationships>
</file>

<file path=ppt/changesInfos/changesInfo1.xml><?xml version="1.0" encoding="utf-8"?>
<pc:chgInfo xmlns:a="http://schemas.openxmlformats.org/drawingml/2006/main" xmlns:r="http://schemas.openxmlformats.org/officeDocument/2006/relationships" xmlns:ac="http://schemas.microsoft.com/office/drawing/2013/main/command" xmlns:pc="http://schemas.microsoft.com/office/powerpoint/2013/main/command">
  <pc:docChgLst>
    <pc:chgData name="PedsOrtho Research" userId="HaxE9Ny2cPVsAIoXvOldp8LzbvclCF2aOb+hxye+xpA=" providerId="None" clId="Web-{F1702D27-FB6C-493C-965F-AA539920D711}"/>
    <pc:docChg chg="modSld">
      <pc:chgData name="PedsOrtho Research" userId="HaxE9Ny2cPVsAIoXvOldp8LzbvclCF2aOb+hxye+xpA=" providerId="None" clId="Web-{F1702D27-FB6C-493C-965F-AA539920D711}" dt="2022-03-10T16:41:40.686" v="57" actId="20577"/>
      <pc:docMkLst>
        <pc:docMk/>
      </pc:docMkLst>
      <pc:sldChg chg="modSp">
        <pc:chgData name="PedsOrtho Research" userId="HaxE9Ny2cPVsAIoXvOldp8LzbvclCF2aOb+hxye+xpA=" providerId="None" clId="Web-{F1702D27-FB6C-493C-965F-AA539920D711}" dt="2022-03-10T16:41:40.686" v="57" actId="20577"/>
        <pc:sldMkLst>
          <pc:docMk/>
          <pc:sldMk cId="1220328574" sldId="265"/>
        </pc:sldMkLst>
        <pc:spChg chg="mod">
          <ac:chgData name="PedsOrtho Research" userId="HaxE9Ny2cPVsAIoXvOldp8LzbvclCF2aOb+hxye+xpA=" providerId="None" clId="Web-{F1702D27-FB6C-493C-965F-AA539920D711}" dt="2022-03-10T16:41:40.686" v="57" actId="20577"/>
          <ac:spMkLst>
            <pc:docMk/>
            <pc:sldMk cId="1220328574" sldId="265"/>
            <ac:spMk id="2" creationId="{4EDE11AF-733B-DA41-AA19-2CE96DE6721A}"/>
          </ac:spMkLst>
        </pc:spChg>
        <pc:spChg chg="mod">
          <ac:chgData name="PedsOrtho Research" userId="HaxE9Ny2cPVsAIoXvOldp8LzbvclCF2aOb+hxye+xpA=" providerId="None" clId="Web-{F1702D27-FB6C-493C-965F-AA539920D711}" dt="2022-03-10T16:41:31.967" v="48" actId="20577"/>
          <ac:spMkLst>
            <pc:docMk/>
            <pc:sldMk cId="1220328574" sldId="265"/>
            <ac:spMk id="3" creationId="{69EF426F-F353-234A-A214-546DEBFD1A1F}"/>
          </ac:spMkLst>
        </pc:spChg>
      </pc:sldChg>
      <pc:sldChg chg="modSp">
        <pc:chgData name="PedsOrtho Research" userId="HaxE9Ny2cPVsAIoXvOldp8LzbvclCF2aOb+hxye+xpA=" providerId="None" clId="Web-{F1702D27-FB6C-493C-965F-AA539920D711}" dt="2022-03-10T16:40:18.215" v="7" actId="20577"/>
        <pc:sldMkLst>
          <pc:docMk/>
          <pc:sldMk cId="3239731942" sldId="272"/>
        </pc:sldMkLst>
        <pc:spChg chg="mod">
          <ac:chgData name="PedsOrtho Research" userId="HaxE9Ny2cPVsAIoXvOldp8LzbvclCF2aOb+hxye+xpA=" providerId="None" clId="Web-{F1702D27-FB6C-493C-965F-AA539920D711}" dt="2022-03-10T16:40:18.215" v="7" actId="20577"/>
          <ac:spMkLst>
            <pc:docMk/>
            <pc:sldMk cId="3239731942" sldId="272"/>
            <ac:spMk id="2" creationId="{09617811-54F6-3F45-A46D-5FC1A94D9823}"/>
          </ac:spMkLst>
        </pc:spChg>
      </pc:sldChg>
    </pc:docChg>
  </pc:docChgLst>
  <pc:docChgLst>
    <pc:chgData name="PedsOrtho Research" clId="Web-{382205BE-2417-4B15-A8CD-101EAA3A0949}"/>
    <pc:docChg chg="addSld delSld modSld sldOrd">
      <pc:chgData name="PedsOrtho Research" userId="" providerId="" clId="Web-{382205BE-2417-4B15-A8CD-101EAA3A0949}" dt="2022-03-10T18:25:23.369" v="188" actId="20577"/>
      <pc:docMkLst>
        <pc:docMk/>
      </pc:docMkLst>
      <pc:sldChg chg="modSp">
        <pc:chgData name="PedsOrtho Research" userId="" providerId="" clId="Web-{382205BE-2417-4B15-A8CD-101EAA3A0949}" dt="2022-03-10T18:24:48.773" v="174" actId="20577"/>
        <pc:sldMkLst>
          <pc:docMk/>
          <pc:sldMk cId="130553064" sldId="272"/>
        </pc:sldMkLst>
        <pc:spChg chg="mod">
          <ac:chgData name="PedsOrtho Research" userId="" providerId="" clId="Web-{382205BE-2417-4B15-A8CD-101EAA3A0949}" dt="2022-03-10T18:24:48.773" v="174" actId="20577"/>
          <ac:spMkLst>
            <pc:docMk/>
            <pc:sldMk cId="130553064" sldId="272"/>
            <ac:spMk id="5" creationId="{12409A53-AA9E-AA4F-886B-7947C01A42B6}"/>
          </ac:spMkLst>
        </pc:spChg>
      </pc:sldChg>
      <pc:sldChg chg="modSp">
        <pc:chgData name="PedsOrtho Research" userId="" providerId="" clId="Web-{382205BE-2417-4B15-A8CD-101EAA3A0949}" dt="2022-03-10T18:24:52.398" v="176" actId="20577"/>
        <pc:sldMkLst>
          <pc:docMk/>
          <pc:sldMk cId="4132938576" sldId="273"/>
        </pc:sldMkLst>
        <pc:spChg chg="mod">
          <ac:chgData name="PedsOrtho Research" userId="" providerId="" clId="Web-{382205BE-2417-4B15-A8CD-101EAA3A0949}" dt="2022-03-10T18:24:52.398" v="176" actId="20577"/>
          <ac:spMkLst>
            <pc:docMk/>
            <pc:sldMk cId="4132938576" sldId="273"/>
            <ac:spMk id="5" creationId="{12409A53-AA9E-AA4F-886B-7947C01A42B6}"/>
          </ac:spMkLst>
        </pc:spChg>
      </pc:sldChg>
      <pc:sldChg chg="modSp">
        <pc:chgData name="PedsOrtho Research" userId="" providerId="" clId="Web-{382205BE-2417-4B15-A8CD-101EAA3A0949}" dt="2022-03-10T18:24:57.258" v="178" actId="20577"/>
        <pc:sldMkLst>
          <pc:docMk/>
          <pc:sldMk cId="3389090094" sldId="274"/>
        </pc:sldMkLst>
        <pc:spChg chg="mod">
          <ac:chgData name="PedsOrtho Research" userId="" providerId="" clId="Web-{382205BE-2417-4B15-A8CD-101EAA3A0949}" dt="2022-03-10T18:24:57.258" v="178" actId="20577"/>
          <ac:spMkLst>
            <pc:docMk/>
            <pc:sldMk cId="3389090094" sldId="274"/>
            <ac:spMk id="5" creationId="{12409A53-AA9E-AA4F-886B-7947C01A42B6}"/>
          </ac:spMkLst>
        </pc:spChg>
      </pc:sldChg>
      <pc:sldChg chg="modSp">
        <pc:chgData name="PedsOrtho Research" userId="" providerId="" clId="Web-{382205BE-2417-4B15-A8CD-101EAA3A0949}" dt="2022-03-10T18:25:02.055" v="179" actId="20577"/>
        <pc:sldMkLst>
          <pc:docMk/>
          <pc:sldMk cId="1029695708" sldId="275"/>
        </pc:sldMkLst>
        <pc:spChg chg="mod">
          <ac:chgData name="PedsOrtho Research" userId="" providerId="" clId="Web-{382205BE-2417-4B15-A8CD-101EAA3A0949}" dt="2022-03-10T18:25:02.055" v="179" actId="20577"/>
          <ac:spMkLst>
            <pc:docMk/>
            <pc:sldMk cId="1029695708" sldId="275"/>
            <ac:spMk id="5" creationId="{12409A53-AA9E-AA4F-886B-7947C01A42B6}"/>
          </ac:spMkLst>
        </pc:spChg>
      </pc:sldChg>
      <pc:sldChg chg="modSp">
        <pc:chgData name="PedsOrtho Research" userId="" providerId="" clId="Web-{382205BE-2417-4B15-A8CD-101EAA3A0949}" dt="2022-03-10T18:25:07.352" v="181" actId="20577"/>
        <pc:sldMkLst>
          <pc:docMk/>
          <pc:sldMk cId="2847953062" sldId="276"/>
        </pc:sldMkLst>
        <pc:spChg chg="mod">
          <ac:chgData name="PedsOrtho Research" userId="" providerId="" clId="Web-{382205BE-2417-4B15-A8CD-101EAA3A0949}" dt="2022-03-10T18:17:19.095" v="41" actId="20577"/>
          <ac:spMkLst>
            <pc:docMk/>
            <pc:sldMk cId="2847953062" sldId="276"/>
            <ac:spMk id="3" creationId="{85CC8F06-CCC9-7B42-B341-571DCF4151C3}"/>
          </ac:spMkLst>
        </pc:spChg>
        <pc:spChg chg="mod">
          <ac:chgData name="PedsOrtho Research" userId="" providerId="" clId="Web-{382205BE-2417-4B15-A8CD-101EAA3A0949}" dt="2022-03-10T18:25:07.352" v="181" actId="20577"/>
          <ac:spMkLst>
            <pc:docMk/>
            <pc:sldMk cId="2847953062" sldId="276"/>
            <ac:spMk id="5" creationId="{12409A53-AA9E-AA4F-886B-7947C01A42B6}"/>
          </ac:spMkLst>
        </pc:spChg>
      </pc:sldChg>
      <pc:sldChg chg="modSp add replId">
        <pc:chgData name="PedsOrtho Research" userId="" providerId="" clId="Web-{382205BE-2417-4B15-A8CD-101EAA3A0949}" dt="2022-03-10T18:25:11.806" v="183" actId="20577"/>
        <pc:sldMkLst>
          <pc:docMk/>
          <pc:sldMk cId="577599240" sldId="277"/>
        </pc:sldMkLst>
        <pc:spChg chg="mod">
          <ac:chgData name="PedsOrtho Research" userId="" providerId="" clId="Web-{382205BE-2417-4B15-A8CD-101EAA3A0949}" dt="2022-03-10T18:18:56.975" v="79" actId="20577"/>
          <ac:spMkLst>
            <pc:docMk/>
            <pc:sldMk cId="577599240" sldId="277"/>
            <ac:spMk id="3" creationId="{85CC8F06-CCC9-7B42-B341-571DCF4151C3}"/>
          </ac:spMkLst>
        </pc:spChg>
        <pc:spChg chg="mod">
          <ac:chgData name="PedsOrtho Research" userId="" providerId="" clId="Web-{382205BE-2417-4B15-A8CD-101EAA3A0949}" dt="2022-03-10T18:25:11.806" v="183" actId="20577"/>
          <ac:spMkLst>
            <pc:docMk/>
            <pc:sldMk cId="577599240" sldId="277"/>
            <ac:spMk id="5" creationId="{12409A53-AA9E-AA4F-886B-7947C01A42B6}"/>
          </ac:spMkLst>
        </pc:spChg>
      </pc:sldChg>
      <pc:sldChg chg="addSp modSp add ord replId">
        <pc:chgData name="PedsOrtho Research" userId="" providerId="" clId="Web-{382205BE-2417-4B15-A8CD-101EAA3A0949}" dt="2022-03-10T18:25:16.446" v="185" actId="20577"/>
        <pc:sldMkLst>
          <pc:docMk/>
          <pc:sldMk cId="144996237" sldId="278"/>
        </pc:sldMkLst>
        <pc:spChg chg="mod">
          <ac:chgData name="PedsOrtho Research" userId="" providerId="" clId="Web-{382205BE-2417-4B15-A8CD-101EAA3A0949}" dt="2022-03-10T18:19:38.883" v="87" actId="20577"/>
          <ac:spMkLst>
            <pc:docMk/>
            <pc:sldMk cId="144996237" sldId="278"/>
            <ac:spMk id="2" creationId="{9E3D7053-8A5C-7147-80A6-36B5F7E8710A}"/>
          </ac:spMkLst>
        </pc:spChg>
        <pc:spChg chg="mod">
          <ac:chgData name="PedsOrtho Research" userId="" providerId="" clId="Web-{382205BE-2417-4B15-A8CD-101EAA3A0949}" dt="2022-03-10T18:20:04.353" v="99" actId="20577"/>
          <ac:spMkLst>
            <pc:docMk/>
            <pc:sldMk cId="144996237" sldId="278"/>
            <ac:spMk id="3" creationId="{85CC8F06-CCC9-7B42-B341-571DCF4151C3}"/>
          </ac:spMkLst>
        </pc:spChg>
        <pc:spChg chg="mod">
          <ac:chgData name="PedsOrtho Research" userId="" providerId="" clId="Web-{382205BE-2417-4B15-A8CD-101EAA3A0949}" dt="2022-03-10T18:25:16.446" v="185" actId="20577"/>
          <ac:spMkLst>
            <pc:docMk/>
            <pc:sldMk cId="144996237" sldId="278"/>
            <ac:spMk id="5" creationId="{12409A53-AA9E-AA4F-886B-7947C01A42B6}"/>
          </ac:spMkLst>
        </pc:spChg>
        <pc:picChg chg="add mod">
          <ac:chgData name="PedsOrtho Research" userId="" providerId="" clId="Web-{382205BE-2417-4B15-A8CD-101EAA3A0949}" dt="2022-03-10T18:20:10.619" v="103" actId="1076"/>
          <ac:picMkLst>
            <pc:docMk/>
            <pc:sldMk cId="144996237" sldId="278"/>
            <ac:picMk id="4" creationId="{EC5E3819-FF82-4DA9-8203-B33EDD1A0916}"/>
          </ac:picMkLst>
        </pc:picChg>
      </pc:sldChg>
      <pc:sldChg chg="delSp modSp add del replId">
        <pc:chgData name="PedsOrtho Research" userId="" providerId="" clId="Web-{382205BE-2417-4B15-A8CD-101EAA3A0949}" dt="2022-03-10T18:19:25.664" v="84"/>
        <pc:sldMkLst>
          <pc:docMk/>
          <pc:sldMk cId="2840089173" sldId="278"/>
        </pc:sldMkLst>
        <pc:spChg chg="mod">
          <ac:chgData name="PedsOrtho Research" userId="" providerId="" clId="Web-{382205BE-2417-4B15-A8CD-101EAA3A0949}" dt="2022-03-10T18:19:17.085" v="81" actId="20577"/>
          <ac:spMkLst>
            <pc:docMk/>
            <pc:sldMk cId="2840089173" sldId="278"/>
            <ac:spMk id="2" creationId="{9E3D7053-8A5C-7147-80A6-36B5F7E8710A}"/>
          </ac:spMkLst>
        </pc:spChg>
        <pc:spChg chg="mod">
          <ac:chgData name="PedsOrtho Research" userId="" providerId="" clId="Web-{382205BE-2417-4B15-A8CD-101EAA3A0949}" dt="2022-03-10T18:19:22.710" v="83" actId="14100"/>
          <ac:spMkLst>
            <pc:docMk/>
            <pc:sldMk cId="2840089173" sldId="278"/>
            <ac:spMk id="3" creationId="{85CC8F06-CCC9-7B42-B341-571DCF4151C3}"/>
          </ac:spMkLst>
        </pc:spChg>
        <pc:picChg chg="del">
          <ac:chgData name="PedsOrtho Research" userId="" providerId="" clId="Web-{382205BE-2417-4B15-A8CD-101EAA3A0949}" dt="2022-03-10T18:19:20.070" v="82"/>
          <ac:picMkLst>
            <pc:docMk/>
            <pc:sldMk cId="2840089173" sldId="278"/>
            <ac:picMk id="4" creationId="{BB3B918A-C4A6-4B98-AF0C-3A9AA75D20E1}"/>
          </ac:picMkLst>
        </pc:picChg>
      </pc:sldChg>
      <pc:sldChg chg="delSp modSp add replId">
        <pc:chgData name="PedsOrtho Research" userId="" providerId="" clId="Web-{382205BE-2417-4B15-A8CD-101EAA3A0949}" dt="2022-03-10T18:25:23.369" v="188" actId="20577"/>
        <pc:sldMkLst>
          <pc:docMk/>
          <pc:sldMk cId="1466560415" sldId="279"/>
        </pc:sldMkLst>
        <pc:spChg chg="mod">
          <ac:chgData name="PedsOrtho Research" userId="" providerId="" clId="Web-{382205BE-2417-4B15-A8CD-101EAA3A0949}" dt="2022-03-10T18:20:21.823" v="105" actId="20577"/>
          <ac:spMkLst>
            <pc:docMk/>
            <pc:sldMk cId="1466560415" sldId="279"/>
            <ac:spMk id="2" creationId="{9E3D7053-8A5C-7147-80A6-36B5F7E8710A}"/>
          </ac:spMkLst>
        </pc:spChg>
        <pc:spChg chg="mod">
          <ac:chgData name="PedsOrtho Research" userId="" providerId="" clId="Web-{382205BE-2417-4B15-A8CD-101EAA3A0949}" dt="2022-03-10T18:20:44.808" v="110" actId="20577"/>
          <ac:spMkLst>
            <pc:docMk/>
            <pc:sldMk cId="1466560415" sldId="279"/>
            <ac:spMk id="3" creationId="{85CC8F06-CCC9-7B42-B341-571DCF4151C3}"/>
          </ac:spMkLst>
        </pc:spChg>
        <pc:spChg chg="mod">
          <ac:chgData name="PedsOrtho Research" userId="" providerId="" clId="Web-{382205BE-2417-4B15-A8CD-101EAA3A0949}" dt="2022-03-10T18:25:23.369" v="188" actId="20577"/>
          <ac:spMkLst>
            <pc:docMk/>
            <pc:sldMk cId="1466560415" sldId="279"/>
            <ac:spMk id="5" creationId="{12409A53-AA9E-AA4F-886B-7947C01A42B6}"/>
          </ac:spMkLst>
        </pc:spChg>
        <pc:picChg chg="del">
          <ac:chgData name="PedsOrtho Research" userId="" providerId="" clId="Web-{382205BE-2417-4B15-A8CD-101EAA3A0949}" dt="2022-03-10T18:20:26.276" v="106"/>
          <ac:picMkLst>
            <pc:docMk/>
            <pc:sldMk cId="1466560415" sldId="279"/>
            <ac:picMk id="4" creationId="{EC5E3819-FF82-4DA9-8203-B33EDD1A0916}"/>
          </ac:picMkLst>
        </pc:picChg>
      </pc:sldChg>
      <pc:sldChg chg="addSp delSp modSp add">
        <pc:chgData name="PedsOrtho Research" userId="" providerId="" clId="Web-{382205BE-2417-4B15-A8CD-101EAA3A0949}" dt="2022-03-10T18:24:32.663" v="172" actId="1076"/>
        <pc:sldMkLst>
          <pc:docMk/>
          <pc:sldMk cId="338732869" sldId="280"/>
        </pc:sldMkLst>
        <pc:spChg chg="mod">
          <ac:chgData name="PedsOrtho Research" userId="" providerId="" clId="Web-{382205BE-2417-4B15-A8CD-101EAA3A0949}" dt="2022-03-10T18:22:10.922" v="125" actId="1076"/>
          <ac:spMkLst>
            <pc:docMk/>
            <pc:sldMk cId="338732869" sldId="280"/>
            <ac:spMk id="2" creationId="{644787D2-57FF-D345-B6CF-782465B5B71B}"/>
          </ac:spMkLst>
        </pc:spChg>
        <pc:spChg chg="del">
          <ac:chgData name="PedsOrtho Research" userId="" providerId="" clId="Web-{382205BE-2417-4B15-A8CD-101EAA3A0949}" dt="2022-03-10T18:21:53.858" v="119"/>
          <ac:spMkLst>
            <pc:docMk/>
            <pc:sldMk cId="338732869" sldId="280"/>
            <ac:spMk id="3" creationId="{18960019-5024-1443-BF49-A70D15A4A5DA}"/>
          </ac:spMkLst>
        </pc:spChg>
        <pc:spChg chg="add del">
          <ac:chgData name="PedsOrtho Research" userId="" providerId="" clId="Web-{382205BE-2417-4B15-A8CD-101EAA3A0949}" dt="2022-03-10T18:21:37.217" v="113"/>
          <ac:spMkLst>
            <pc:docMk/>
            <pc:sldMk cId="338732869" sldId="280"/>
            <ac:spMk id="4" creationId="{7362373A-DE46-4299-983D-568E8D1199B2}"/>
          </ac:spMkLst>
        </pc:spChg>
        <pc:spChg chg="add mod">
          <ac:chgData name="PedsOrtho Research" userId="" providerId="" clId="Web-{382205BE-2417-4B15-A8CD-101EAA3A0949}" dt="2022-03-10T18:23:11.206" v="136" actId="20577"/>
          <ac:spMkLst>
            <pc:docMk/>
            <pc:sldMk cId="338732869" sldId="280"/>
            <ac:spMk id="9" creationId="{65031D6E-DC67-42AC-8EE4-659DA4E4C8E1}"/>
          </ac:spMkLst>
        </pc:spChg>
        <pc:spChg chg="add mod">
          <ac:chgData name="PedsOrtho Research" userId="" providerId="" clId="Web-{382205BE-2417-4B15-A8CD-101EAA3A0949}" dt="2022-03-10T18:24:32.663" v="172" actId="1076"/>
          <ac:spMkLst>
            <pc:docMk/>
            <pc:sldMk cId="338732869" sldId="280"/>
            <ac:spMk id="10" creationId="{3806D5E2-C7DF-47ED-A81D-41FEFC5E365F}"/>
          </ac:spMkLst>
        </pc:spChg>
        <pc:picChg chg="add mod">
          <ac:chgData name="PedsOrtho Research" userId="" providerId="" clId="Web-{382205BE-2417-4B15-A8CD-101EAA3A0949}" dt="2022-03-10T18:22:05.922" v="124" actId="1076"/>
          <ac:picMkLst>
            <pc:docMk/>
            <pc:sldMk cId="338732869" sldId="280"/>
            <ac:picMk id="5" creationId="{59A8D7FD-AE91-44A4-AA26-0F7B516D456A}"/>
          </ac:picMkLst>
        </pc:picChg>
        <pc:picChg chg="add mod">
          <ac:chgData name="PedsOrtho Research" userId="" providerId="" clId="Web-{382205BE-2417-4B15-A8CD-101EAA3A0949}" dt="2022-03-10T18:22:39.173" v="131" actId="1076"/>
          <ac:picMkLst>
            <pc:docMk/>
            <pc:sldMk cId="338732869" sldId="280"/>
            <ac:picMk id="6" creationId="{9C6787F8-8F6F-4CF6-B630-DA8D4061119C}"/>
          </ac:picMkLst>
        </pc:picChg>
        <pc:picChg chg="add">
          <ac:chgData name="PedsOrtho Research" userId="" providerId="" clId="Web-{382205BE-2417-4B15-A8CD-101EAA3A0949}" dt="2022-03-10T18:22:48.658" v="132"/>
          <ac:picMkLst>
            <pc:docMk/>
            <pc:sldMk cId="338732869" sldId="280"/>
            <ac:picMk id="8" creationId="{907DEC00-7AE1-47E3-9881-D5E4F4A5E47D}"/>
          </ac:picMkLst>
        </pc:picChg>
      </pc:sldChg>
    </pc:docChg>
  </pc:docChgLst>
  <pc:docChgLst>
    <pc:chgData name="PedsOrtho Research" userId="HaxE9Ny2cPVsAIoXvOldp8LzbvclCF2aOb+hxye+xpA=" providerId="None" clId="Web-{A6510A7E-F8B4-484A-BC25-26B93E0C8CF8}"/>
    <pc:docChg chg="modSld">
      <pc:chgData name="PedsOrtho Research" userId="HaxE9Ny2cPVsAIoXvOldp8LzbvclCF2aOb+hxye+xpA=" providerId="None" clId="Web-{A6510A7E-F8B4-484A-BC25-26B93E0C8CF8}" dt="2022-03-15T17:07:18.122" v="55" actId="1076"/>
      <pc:docMkLst>
        <pc:docMk/>
      </pc:docMkLst>
      <pc:sldChg chg="addSp modSp">
        <pc:chgData name="PedsOrtho Research" userId="HaxE9Ny2cPVsAIoXvOldp8LzbvclCF2aOb+hxye+xpA=" providerId="None" clId="Web-{A6510A7E-F8B4-484A-BC25-26B93E0C8CF8}" dt="2022-03-15T17:07:18.122" v="55" actId="1076"/>
        <pc:sldMkLst>
          <pc:docMk/>
          <pc:sldMk cId="3277268862" sldId="267"/>
        </pc:sldMkLst>
        <pc:spChg chg="mod">
          <ac:chgData name="PedsOrtho Research" userId="HaxE9Ny2cPVsAIoXvOldp8LzbvclCF2aOb+hxye+xpA=" providerId="None" clId="Web-{A6510A7E-F8B4-484A-BC25-26B93E0C8CF8}" dt="2022-03-15T17:05:28.760" v="20" actId="20577"/>
          <ac:spMkLst>
            <pc:docMk/>
            <pc:sldMk cId="3277268862" sldId="267"/>
            <ac:spMk id="3" creationId="{18960019-5024-1443-BF49-A70D15A4A5DA}"/>
          </ac:spMkLst>
        </pc:spChg>
        <pc:spChg chg="add mod">
          <ac:chgData name="PedsOrtho Research" userId="HaxE9Ny2cPVsAIoXvOldp8LzbvclCF2aOb+hxye+xpA=" providerId="None" clId="Web-{A6510A7E-F8B4-484A-BC25-26B93E0C8CF8}" dt="2022-03-15T17:07:18.122" v="55" actId="1076"/>
          <ac:spMkLst>
            <pc:docMk/>
            <pc:sldMk cId="3277268862" sldId="267"/>
            <ac:spMk id="4" creationId="{A39A2942-A1BF-4A23-8514-FFEED69FE9CF}"/>
          </ac:spMkLst>
        </pc:spChg>
      </pc:sldChg>
      <pc:sldChg chg="addSp delSp modSp">
        <pc:chgData name="PedsOrtho Research" userId="HaxE9Ny2cPVsAIoXvOldp8LzbvclCF2aOb+hxye+xpA=" providerId="None" clId="Web-{A6510A7E-F8B4-484A-BC25-26B93E0C8CF8}" dt="2022-03-15T17:04:37.806" v="10" actId="1076"/>
        <pc:sldMkLst>
          <pc:docMk/>
          <pc:sldMk cId="1349437253" sldId="268"/>
        </pc:sldMkLst>
        <pc:picChg chg="add mod">
          <ac:chgData name="PedsOrtho Research" userId="HaxE9Ny2cPVsAIoXvOldp8LzbvclCF2aOb+hxye+xpA=" providerId="None" clId="Web-{A6510A7E-F8B4-484A-BC25-26B93E0C8CF8}" dt="2022-03-15T17:04:37.806" v="10" actId="1076"/>
          <ac:picMkLst>
            <pc:docMk/>
            <pc:sldMk cId="1349437253" sldId="268"/>
            <ac:picMk id="4" creationId="{FE0FC7D6-E11E-42A4-951C-ECFE9978BCA7}"/>
          </ac:picMkLst>
        </pc:picChg>
        <pc:picChg chg="del">
          <ac:chgData name="PedsOrtho Research" userId="HaxE9Ny2cPVsAIoXvOldp8LzbvclCF2aOb+hxye+xpA=" providerId="None" clId="Web-{A6510A7E-F8B4-484A-BC25-26B93E0C8CF8}" dt="2022-03-15T17:03:23.367" v="0"/>
          <ac:picMkLst>
            <pc:docMk/>
            <pc:sldMk cId="1349437253" sldId="268"/>
            <ac:picMk id="8" creationId="{753EAD4A-38D5-4873-BC5B-4641283229A9}"/>
          </ac:picMkLst>
        </pc:picChg>
      </pc:sldChg>
      <pc:sldChg chg="addSp delSp">
        <pc:chgData name="PedsOrtho Research" userId="HaxE9Ny2cPVsAIoXvOldp8LzbvclCF2aOb+hxye+xpA=" providerId="None" clId="Web-{A6510A7E-F8B4-484A-BC25-26B93E0C8CF8}" dt="2022-03-15T17:04:41.306" v="11"/>
        <pc:sldMkLst>
          <pc:docMk/>
          <pc:sldMk cId="1551128764" sldId="271"/>
        </pc:sldMkLst>
        <pc:picChg chg="add">
          <ac:chgData name="PedsOrtho Research" userId="HaxE9Ny2cPVsAIoXvOldp8LzbvclCF2aOb+hxye+xpA=" providerId="None" clId="Web-{A6510A7E-F8B4-484A-BC25-26B93E0C8CF8}" dt="2022-03-15T17:04:41.306" v="11"/>
          <ac:picMkLst>
            <pc:docMk/>
            <pc:sldMk cId="1551128764" sldId="271"/>
            <ac:picMk id="4" creationId="{7DB68C8A-59D0-4F7A-8107-30928C2C264C}"/>
          </ac:picMkLst>
        </pc:picChg>
        <pc:picChg chg="del">
          <ac:chgData name="PedsOrtho Research" userId="HaxE9Ny2cPVsAIoXvOldp8LzbvclCF2aOb+hxye+xpA=" providerId="None" clId="Web-{A6510A7E-F8B4-484A-BC25-26B93E0C8CF8}" dt="2022-03-15T17:03:26.508" v="1"/>
          <ac:picMkLst>
            <pc:docMk/>
            <pc:sldMk cId="1551128764" sldId="271"/>
            <ac:picMk id="8" creationId="{753EAD4A-38D5-4873-BC5B-4641283229A9}"/>
          </ac:picMkLst>
        </pc:picChg>
      </pc:sldChg>
      <pc:sldChg chg="addSp delSp">
        <pc:chgData name="PedsOrtho Research" userId="HaxE9Ny2cPVsAIoXvOldp8LzbvclCF2aOb+hxye+xpA=" providerId="None" clId="Web-{A6510A7E-F8B4-484A-BC25-26B93E0C8CF8}" dt="2022-03-15T17:04:42.556" v="12"/>
        <pc:sldMkLst>
          <pc:docMk/>
          <pc:sldMk cId="130553064" sldId="272"/>
        </pc:sldMkLst>
        <pc:picChg chg="add">
          <ac:chgData name="PedsOrtho Research" userId="HaxE9Ny2cPVsAIoXvOldp8LzbvclCF2aOb+hxye+xpA=" providerId="None" clId="Web-{A6510A7E-F8B4-484A-BC25-26B93E0C8CF8}" dt="2022-03-15T17:04:42.556" v="12"/>
          <ac:picMkLst>
            <pc:docMk/>
            <pc:sldMk cId="130553064" sldId="272"/>
            <ac:picMk id="7" creationId="{EC319F45-B089-485D-BC2E-013235BB4878}"/>
          </ac:picMkLst>
        </pc:picChg>
        <pc:picChg chg="del">
          <ac:chgData name="PedsOrtho Research" userId="HaxE9Ny2cPVsAIoXvOldp8LzbvclCF2aOb+hxye+xpA=" providerId="None" clId="Web-{A6510A7E-F8B4-484A-BC25-26B93E0C8CF8}" dt="2022-03-15T17:03:29.351" v="2"/>
          <ac:picMkLst>
            <pc:docMk/>
            <pc:sldMk cId="130553064" sldId="272"/>
            <ac:picMk id="8" creationId="{753EAD4A-38D5-4873-BC5B-4641283229A9}"/>
          </ac:picMkLst>
        </pc:picChg>
      </pc:sldChg>
      <pc:sldChg chg="addSp delSp">
        <pc:chgData name="PedsOrtho Research" userId="HaxE9Ny2cPVsAIoXvOldp8LzbvclCF2aOb+hxye+xpA=" providerId="None" clId="Web-{A6510A7E-F8B4-484A-BC25-26B93E0C8CF8}" dt="2022-03-15T17:04:45.509" v="14"/>
        <pc:sldMkLst>
          <pc:docMk/>
          <pc:sldMk cId="2847953062" sldId="276"/>
        </pc:sldMkLst>
        <pc:picChg chg="add">
          <ac:chgData name="PedsOrtho Research" userId="HaxE9Ny2cPVsAIoXvOldp8LzbvclCF2aOb+hxye+xpA=" providerId="None" clId="Web-{A6510A7E-F8B4-484A-BC25-26B93E0C8CF8}" dt="2022-03-15T17:04:45.509" v="14"/>
          <ac:picMkLst>
            <pc:docMk/>
            <pc:sldMk cId="2847953062" sldId="276"/>
            <ac:picMk id="4" creationId="{9864A418-68BF-4D3D-9524-794F1FAA7D68}"/>
          </ac:picMkLst>
        </pc:picChg>
        <pc:picChg chg="del">
          <ac:chgData name="PedsOrtho Research" userId="HaxE9Ny2cPVsAIoXvOldp8LzbvclCF2aOb+hxye+xpA=" providerId="None" clId="Web-{A6510A7E-F8B4-484A-BC25-26B93E0C8CF8}" dt="2022-03-15T17:03:33.102" v="4"/>
          <ac:picMkLst>
            <pc:docMk/>
            <pc:sldMk cId="2847953062" sldId="276"/>
            <ac:picMk id="8" creationId="{753EAD4A-38D5-4873-BC5B-4641283229A9}"/>
          </ac:picMkLst>
        </pc:picChg>
      </pc:sldChg>
      <pc:sldChg chg="addSp delSp">
        <pc:chgData name="PedsOrtho Research" userId="HaxE9Ny2cPVsAIoXvOldp8LzbvclCF2aOb+hxye+xpA=" providerId="None" clId="Web-{A6510A7E-F8B4-484A-BC25-26B93E0C8CF8}" dt="2022-03-15T17:04:47.666" v="15"/>
        <pc:sldMkLst>
          <pc:docMk/>
          <pc:sldMk cId="577599240" sldId="277"/>
        </pc:sldMkLst>
        <pc:picChg chg="add">
          <ac:chgData name="PedsOrtho Research" userId="HaxE9Ny2cPVsAIoXvOldp8LzbvclCF2aOb+hxye+xpA=" providerId="None" clId="Web-{A6510A7E-F8B4-484A-BC25-26B93E0C8CF8}" dt="2022-03-15T17:04:47.666" v="15"/>
          <ac:picMkLst>
            <pc:docMk/>
            <pc:sldMk cId="577599240" sldId="277"/>
            <ac:picMk id="4" creationId="{4A1B22DD-5E4C-4041-8289-69A3BB55CB47}"/>
          </ac:picMkLst>
        </pc:picChg>
        <pc:picChg chg="del">
          <ac:chgData name="PedsOrtho Research" userId="HaxE9Ny2cPVsAIoXvOldp8LzbvclCF2aOb+hxye+xpA=" providerId="None" clId="Web-{A6510A7E-F8B4-484A-BC25-26B93E0C8CF8}" dt="2022-03-15T17:03:37.133" v="5"/>
          <ac:picMkLst>
            <pc:docMk/>
            <pc:sldMk cId="577599240" sldId="277"/>
            <ac:picMk id="8" creationId="{753EAD4A-38D5-4873-BC5B-4641283229A9}"/>
          </ac:picMkLst>
        </pc:picChg>
      </pc:sldChg>
      <pc:sldChg chg="addSp delSp modSp">
        <pc:chgData name="PedsOrtho Research" userId="HaxE9Ny2cPVsAIoXvOldp8LzbvclCF2aOb+hxye+xpA=" providerId="None" clId="Web-{A6510A7E-F8B4-484A-BC25-26B93E0C8CF8}" dt="2022-03-15T17:05:00.853" v="19" actId="14100"/>
        <pc:sldMkLst>
          <pc:docMk/>
          <pc:sldMk cId="144996237" sldId="278"/>
        </pc:sldMkLst>
        <pc:picChg chg="add">
          <ac:chgData name="PedsOrtho Research" userId="HaxE9Ny2cPVsAIoXvOldp8LzbvclCF2aOb+hxye+xpA=" providerId="None" clId="Web-{A6510A7E-F8B4-484A-BC25-26B93E0C8CF8}" dt="2022-03-15T17:04:55.572" v="18"/>
          <ac:picMkLst>
            <pc:docMk/>
            <pc:sldMk cId="144996237" sldId="278"/>
            <ac:picMk id="4" creationId="{1D9A71EE-7626-45C0-8F12-04DE1AD28FB8}"/>
          </ac:picMkLst>
        </pc:picChg>
        <pc:picChg chg="del">
          <ac:chgData name="PedsOrtho Research" userId="HaxE9Ny2cPVsAIoXvOldp8LzbvclCF2aOb+hxye+xpA=" providerId="None" clId="Web-{A6510A7E-F8B4-484A-BC25-26B93E0C8CF8}" dt="2022-03-15T17:03:38.883" v="6"/>
          <ac:picMkLst>
            <pc:docMk/>
            <pc:sldMk cId="144996237" sldId="278"/>
            <ac:picMk id="8" creationId="{753EAD4A-38D5-4873-BC5B-4641283229A9}"/>
          </ac:picMkLst>
        </pc:picChg>
        <pc:picChg chg="mod">
          <ac:chgData name="PedsOrtho Research" userId="HaxE9Ny2cPVsAIoXvOldp8LzbvclCF2aOb+hxye+xpA=" providerId="None" clId="Web-{A6510A7E-F8B4-484A-BC25-26B93E0C8CF8}" dt="2022-03-15T17:05:00.853" v="19" actId="14100"/>
          <ac:picMkLst>
            <pc:docMk/>
            <pc:sldMk cId="144996237" sldId="278"/>
            <ac:picMk id="9" creationId="{DE813F6A-AC8C-425A-A3B2-B9837B737B3D}"/>
          </ac:picMkLst>
        </pc:picChg>
      </pc:sldChg>
      <pc:sldChg chg="addSp delSp">
        <pc:chgData name="PedsOrtho Research" userId="HaxE9Ny2cPVsAIoXvOldp8LzbvclCF2aOb+hxye+xpA=" providerId="None" clId="Web-{A6510A7E-F8B4-484A-BC25-26B93E0C8CF8}" dt="2022-03-15T17:04:52.056" v="17"/>
        <pc:sldMkLst>
          <pc:docMk/>
          <pc:sldMk cId="1466560415" sldId="279"/>
        </pc:sldMkLst>
        <pc:picChg chg="add">
          <ac:chgData name="PedsOrtho Research" userId="HaxE9Ny2cPVsAIoXvOldp8LzbvclCF2aOb+hxye+xpA=" providerId="None" clId="Web-{A6510A7E-F8B4-484A-BC25-26B93E0C8CF8}" dt="2022-03-15T17:04:52.056" v="17"/>
          <ac:picMkLst>
            <pc:docMk/>
            <pc:sldMk cId="1466560415" sldId="279"/>
            <ac:picMk id="4" creationId="{2169F395-D664-4DF9-B512-00A5ED75C6DC}"/>
          </ac:picMkLst>
        </pc:picChg>
        <pc:picChg chg="del">
          <ac:chgData name="PedsOrtho Research" userId="HaxE9Ny2cPVsAIoXvOldp8LzbvclCF2aOb+hxye+xpA=" providerId="None" clId="Web-{A6510A7E-F8B4-484A-BC25-26B93E0C8CF8}" dt="2022-03-15T17:03:40.867" v="7"/>
          <ac:picMkLst>
            <pc:docMk/>
            <pc:sldMk cId="1466560415" sldId="279"/>
            <ac:picMk id="8" creationId="{753EAD4A-38D5-4873-BC5B-4641283229A9}"/>
          </ac:picMkLst>
        </pc:picChg>
      </pc:sldChg>
      <pc:sldChg chg="addSp delSp">
        <pc:chgData name="PedsOrtho Research" userId="HaxE9Ny2cPVsAIoXvOldp8LzbvclCF2aOb+hxye+xpA=" providerId="None" clId="Web-{A6510A7E-F8B4-484A-BC25-26B93E0C8CF8}" dt="2022-03-15T17:04:48.916" v="16"/>
        <pc:sldMkLst>
          <pc:docMk/>
          <pc:sldMk cId="338732869" sldId="280"/>
        </pc:sldMkLst>
        <pc:picChg chg="add">
          <ac:chgData name="PedsOrtho Research" userId="HaxE9Ny2cPVsAIoXvOldp8LzbvclCF2aOb+hxye+xpA=" providerId="None" clId="Web-{A6510A7E-F8B4-484A-BC25-26B93E0C8CF8}" dt="2022-03-15T17:04:48.916" v="16"/>
          <ac:picMkLst>
            <pc:docMk/>
            <pc:sldMk cId="338732869" sldId="280"/>
            <ac:picMk id="3" creationId="{E3A2E371-D9F7-439D-B20D-420750602B41}"/>
          </ac:picMkLst>
        </pc:picChg>
        <pc:picChg chg="del">
          <ac:chgData name="PedsOrtho Research" userId="HaxE9Ny2cPVsAIoXvOldp8LzbvclCF2aOb+hxye+xpA=" providerId="None" clId="Web-{A6510A7E-F8B4-484A-BC25-26B93E0C8CF8}" dt="2022-03-15T17:03:42.992" v="8"/>
          <ac:picMkLst>
            <pc:docMk/>
            <pc:sldMk cId="338732869" sldId="280"/>
            <ac:picMk id="8" creationId="{907DEC00-7AE1-47E3-9881-D5E4F4A5E47D}"/>
          </ac:picMkLst>
        </pc:picChg>
      </pc:sldChg>
      <pc:sldChg chg="addSp delSp">
        <pc:chgData name="PedsOrtho Research" userId="HaxE9Ny2cPVsAIoXvOldp8LzbvclCF2aOb+hxye+xpA=" providerId="None" clId="Web-{A6510A7E-F8B4-484A-BC25-26B93E0C8CF8}" dt="2022-03-15T17:04:44.134" v="13"/>
        <pc:sldMkLst>
          <pc:docMk/>
          <pc:sldMk cId="4143892046" sldId="281"/>
        </pc:sldMkLst>
        <pc:picChg chg="add">
          <ac:chgData name="PedsOrtho Research" userId="HaxE9Ny2cPVsAIoXvOldp8LzbvclCF2aOb+hxye+xpA=" providerId="None" clId="Web-{A6510A7E-F8B4-484A-BC25-26B93E0C8CF8}" dt="2022-03-15T17:04:44.134" v="13"/>
          <ac:picMkLst>
            <pc:docMk/>
            <pc:sldMk cId="4143892046" sldId="281"/>
            <ac:picMk id="7" creationId="{E1416D06-6A65-4F61-8015-F2B8E10E51A0}"/>
          </ac:picMkLst>
        </pc:picChg>
        <pc:picChg chg="del">
          <ac:chgData name="PedsOrtho Research" userId="HaxE9Ny2cPVsAIoXvOldp8LzbvclCF2aOb+hxye+xpA=" providerId="None" clId="Web-{A6510A7E-F8B4-484A-BC25-26B93E0C8CF8}" dt="2022-03-15T17:03:31.055" v="3"/>
          <ac:picMkLst>
            <pc:docMk/>
            <pc:sldMk cId="4143892046" sldId="281"/>
            <ac:picMk id="8" creationId="{753EAD4A-38D5-4873-BC5B-4641283229A9}"/>
          </ac:picMkLst>
        </pc:picChg>
      </pc:sldChg>
    </pc:docChg>
  </pc:docChgLst>
  <pc:docChgLst>
    <pc:chgData name="PedsOrtho Research" userId="HaxE9Ny2cPVsAIoXvOldp8LzbvclCF2aOb+hxye+xpA=" providerId="None" clId="Web-{A77E8649-85AF-4F9E-A210-7281BEDACD09}"/>
    <pc:docChg chg="delSld modSld">
      <pc:chgData name="PedsOrtho Research" userId="HaxE9Ny2cPVsAIoXvOldp8LzbvclCF2aOb+hxye+xpA=" providerId="None" clId="Web-{A77E8649-85AF-4F9E-A210-7281BEDACD09}" dt="2022-03-15T17:21:09.998" v="153" actId="20577"/>
      <pc:docMkLst>
        <pc:docMk/>
      </pc:docMkLst>
      <pc:sldChg chg="modSp">
        <pc:chgData name="PedsOrtho Research" userId="HaxE9Ny2cPVsAIoXvOldp8LzbvclCF2aOb+hxye+xpA=" providerId="None" clId="Web-{A77E8649-85AF-4F9E-A210-7281BEDACD09}" dt="2022-03-15T17:13:20.345" v="11" actId="20577"/>
        <pc:sldMkLst>
          <pc:docMk/>
          <pc:sldMk cId="3277268862" sldId="267"/>
        </pc:sldMkLst>
        <pc:spChg chg="mod">
          <ac:chgData name="PedsOrtho Research" userId="HaxE9Ny2cPVsAIoXvOldp8LzbvclCF2aOb+hxye+xpA=" providerId="None" clId="Web-{A77E8649-85AF-4F9E-A210-7281BEDACD09}" dt="2022-03-15T17:12:37.687" v="3" actId="20577"/>
          <ac:spMkLst>
            <pc:docMk/>
            <pc:sldMk cId="3277268862" sldId="267"/>
            <ac:spMk id="2" creationId="{644787D2-57FF-D345-B6CF-782465B5B71B}"/>
          </ac:spMkLst>
        </pc:spChg>
        <pc:spChg chg="mod">
          <ac:chgData name="PedsOrtho Research" userId="HaxE9Ny2cPVsAIoXvOldp8LzbvclCF2aOb+hxye+xpA=" providerId="None" clId="Web-{A77E8649-85AF-4F9E-A210-7281BEDACD09}" dt="2022-03-15T17:13:20.345" v="11" actId="20577"/>
          <ac:spMkLst>
            <pc:docMk/>
            <pc:sldMk cId="3277268862" sldId="267"/>
            <ac:spMk id="3" creationId="{18960019-5024-1443-BF49-A70D15A4A5DA}"/>
          </ac:spMkLst>
        </pc:spChg>
      </pc:sldChg>
      <pc:sldChg chg="modSp">
        <pc:chgData name="PedsOrtho Research" userId="HaxE9Ny2cPVsAIoXvOldp8LzbvclCF2aOb+hxye+xpA=" providerId="None" clId="Web-{A77E8649-85AF-4F9E-A210-7281BEDACD09}" dt="2022-03-15T17:13:59.018" v="17" actId="20577"/>
        <pc:sldMkLst>
          <pc:docMk/>
          <pc:sldMk cId="1349437253" sldId="268"/>
        </pc:sldMkLst>
        <pc:spChg chg="mod">
          <ac:chgData name="PedsOrtho Research" userId="HaxE9Ny2cPVsAIoXvOldp8LzbvclCF2aOb+hxye+xpA=" providerId="None" clId="Web-{A77E8649-85AF-4F9E-A210-7281BEDACD09}" dt="2022-03-15T17:13:59.018" v="17" actId="20577"/>
          <ac:spMkLst>
            <pc:docMk/>
            <pc:sldMk cId="1349437253" sldId="268"/>
            <ac:spMk id="3" creationId="{85CC8F06-CCC9-7B42-B341-571DCF4151C3}"/>
          </ac:spMkLst>
        </pc:spChg>
      </pc:sldChg>
      <pc:sldChg chg="modSp">
        <pc:chgData name="PedsOrtho Research" userId="HaxE9Ny2cPVsAIoXvOldp8LzbvclCF2aOb+hxye+xpA=" providerId="None" clId="Web-{A77E8649-85AF-4F9E-A210-7281BEDACD09}" dt="2022-03-15T17:14:29.331" v="25" actId="20577"/>
        <pc:sldMkLst>
          <pc:docMk/>
          <pc:sldMk cId="1551128764" sldId="271"/>
        </pc:sldMkLst>
        <pc:spChg chg="mod">
          <ac:chgData name="PedsOrtho Research" userId="HaxE9Ny2cPVsAIoXvOldp8LzbvclCF2aOb+hxye+xpA=" providerId="None" clId="Web-{A77E8649-85AF-4F9E-A210-7281BEDACD09}" dt="2022-03-15T17:14:29.331" v="25" actId="20577"/>
          <ac:spMkLst>
            <pc:docMk/>
            <pc:sldMk cId="1551128764" sldId="271"/>
            <ac:spMk id="3" creationId="{85CC8F06-CCC9-7B42-B341-571DCF4151C3}"/>
          </ac:spMkLst>
        </pc:spChg>
      </pc:sldChg>
      <pc:sldChg chg="addSp delSp modSp">
        <pc:chgData name="PedsOrtho Research" userId="HaxE9Ny2cPVsAIoXvOldp8LzbvclCF2aOb+hxye+xpA=" providerId="None" clId="Web-{A77E8649-85AF-4F9E-A210-7281BEDACD09}" dt="2022-03-15T17:16:59.523" v="60" actId="14100"/>
        <pc:sldMkLst>
          <pc:docMk/>
          <pc:sldMk cId="130553064" sldId="272"/>
        </pc:sldMkLst>
        <pc:spChg chg="mod">
          <ac:chgData name="PedsOrtho Research" userId="HaxE9Ny2cPVsAIoXvOldp8LzbvclCF2aOb+hxye+xpA=" providerId="None" clId="Web-{A77E8649-85AF-4F9E-A210-7281BEDACD09}" dt="2022-03-15T17:16:59.523" v="60" actId="14100"/>
          <ac:spMkLst>
            <pc:docMk/>
            <pc:sldMk cId="130553064" sldId="272"/>
            <ac:spMk id="3" creationId="{85CC8F06-CCC9-7B42-B341-571DCF4151C3}"/>
          </ac:spMkLst>
        </pc:spChg>
        <pc:picChg chg="del">
          <ac:chgData name="PedsOrtho Research" userId="HaxE9Ny2cPVsAIoXvOldp8LzbvclCF2aOb+hxye+xpA=" providerId="None" clId="Web-{A77E8649-85AF-4F9E-A210-7281BEDACD09}" dt="2022-03-15T17:14:31.237" v="28"/>
          <ac:picMkLst>
            <pc:docMk/>
            <pc:sldMk cId="130553064" sldId="272"/>
            <ac:picMk id="4" creationId="{7F669CCE-5526-4A10-AFDA-38C34C8B8101}"/>
          </ac:picMkLst>
        </pc:picChg>
        <pc:picChg chg="add del mod">
          <ac:chgData name="PedsOrtho Research" userId="HaxE9Ny2cPVsAIoXvOldp8LzbvclCF2aOb+hxye+xpA=" providerId="None" clId="Web-{A77E8649-85AF-4F9E-A210-7281BEDACD09}" dt="2022-03-15T17:16:12.052" v="54"/>
          <ac:picMkLst>
            <pc:docMk/>
            <pc:sldMk cId="130553064" sldId="272"/>
            <ac:picMk id="8" creationId="{2C266E83-2307-43B8-95D1-D549A5231795}"/>
          </ac:picMkLst>
        </pc:picChg>
        <pc:picChg chg="add mod">
          <ac:chgData name="PedsOrtho Research" userId="HaxE9Ny2cPVsAIoXvOldp8LzbvclCF2aOb+hxye+xpA=" providerId="None" clId="Web-{A77E8649-85AF-4F9E-A210-7281BEDACD09}" dt="2022-03-15T17:16:55.538" v="59" actId="1076"/>
          <ac:picMkLst>
            <pc:docMk/>
            <pc:sldMk cId="130553064" sldId="272"/>
            <ac:picMk id="9" creationId="{5073E523-9DDC-4BB4-856E-8E0847671F92}"/>
          </ac:picMkLst>
        </pc:picChg>
      </pc:sldChg>
      <pc:sldChg chg="addSp delSp modSp">
        <pc:chgData name="PedsOrtho Research" userId="HaxE9Ny2cPVsAIoXvOldp8LzbvclCF2aOb+hxye+xpA=" providerId="None" clId="Web-{A77E8649-85AF-4F9E-A210-7281BEDACD09}" dt="2022-03-15T17:19:48.215" v="124" actId="1076"/>
        <pc:sldMkLst>
          <pc:docMk/>
          <pc:sldMk cId="2847953062" sldId="276"/>
        </pc:sldMkLst>
        <pc:spChg chg="mod">
          <ac:chgData name="PedsOrtho Research" userId="HaxE9Ny2cPVsAIoXvOldp8LzbvclCF2aOb+hxye+xpA=" providerId="None" clId="Web-{A77E8649-85AF-4F9E-A210-7281BEDACD09}" dt="2022-03-15T17:19:15.964" v="109" actId="20577"/>
          <ac:spMkLst>
            <pc:docMk/>
            <pc:sldMk cId="2847953062" sldId="276"/>
            <ac:spMk id="3" creationId="{85CC8F06-CCC9-7B42-B341-571DCF4151C3}"/>
          </ac:spMkLst>
        </pc:spChg>
        <pc:picChg chg="del mod">
          <ac:chgData name="PedsOrtho Research" userId="HaxE9Ny2cPVsAIoXvOldp8LzbvclCF2aOb+hxye+xpA=" providerId="None" clId="Web-{A77E8649-85AF-4F9E-A210-7281BEDACD09}" dt="2022-03-15T17:19:15.886" v="108"/>
          <ac:picMkLst>
            <pc:docMk/>
            <pc:sldMk cId="2847953062" sldId="276"/>
            <ac:picMk id="7" creationId="{6D0F156A-BDD3-41EF-A2DB-6F72D1B5A636}"/>
          </ac:picMkLst>
        </pc:picChg>
        <pc:picChg chg="add mod">
          <ac:chgData name="PedsOrtho Research" userId="HaxE9Ny2cPVsAIoXvOldp8LzbvclCF2aOb+hxye+xpA=" providerId="None" clId="Web-{A77E8649-85AF-4F9E-A210-7281BEDACD09}" dt="2022-03-15T17:19:48.215" v="124" actId="1076"/>
          <ac:picMkLst>
            <pc:docMk/>
            <pc:sldMk cId="2847953062" sldId="276"/>
            <ac:picMk id="8" creationId="{E8786F6F-E461-459A-8F99-EF848631E1BB}"/>
          </ac:picMkLst>
        </pc:picChg>
        <pc:picChg chg="del">
          <ac:chgData name="PedsOrtho Research" userId="HaxE9Ny2cPVsAIoXvOldp8LzbvclCF2aOb+hxye+xpA=" providerId="None" clId="Web-{A77E8649-85AF-4F9E-A210-7281BEDACD09}" dt="2022-03-15T17:19:15.839" v="107"/>
          <ac:picMkLst>
            <pc:docMk/>
            <pc:sldMk cId="2847953062" sldId="276"/>
            <ac:picMk id="9" creationId="{8D01ADF5-62D9-4649-A96C-A84C848CC35B}"/>
          </ac:picMkLst>
        </pc:picChg>
        <pc:picChg chg="add mod">
          <ac:chgData name="PedsOrtho Research" userId="HaxE9Ny2cPVsAIoXvOldp8LzbvclCF2aOb+hxye+xpA=" providerId="None" clId="Web-{A77E8649-85AF-4F9E-A210-7281BEDACD09}" dt="2022-03-15T17:19:48.168" v="123" actId="1076"/>
          <ac:picMkLst>
            <pc:docMk/>
            <pc:sldMk cId="2847953062" sldId="276"/>
            <ac:picMk id="10" creationId="{FBE800B8-0455-439A-8369-5FC7C7543C8E}"/>
          </ac:picMkLst>
        </pc:picChg>
        <pc:picChg chg="add mod">
          <ac:chgData name="PedsOrtho Research" userId="HaxE9Ny2cPVsAIoXvOldp8LzbvclCF2aOb+hxye+xpA=" providerId="None" clId="Web-{A77E8649-85AF-4F9E-A210-7281BEDACD09}" dt="2022-03-15T17:19:48.137" v="122" actId="1076"/>
          <ac:picMkLst>
            <pc:docMk/>
            <pc:sldMk cId="2847953062" sldId="276"/>
            <ac:picMk id="11" creationId="{B84B563A-A5EA-4DA0-9F09-FA7C13380462}"/>
          </ac:picMkLst>
        </pc:picChg>
        <pc:picChg chg="add mod">
          <ac:chgData name="PedsOrtho Research" userId="HaxE9Ny2cPVsAIoXvOldp8LzbvclCF2aOb+hxye+xpA=" providerId="None" clId="Web-{A77E8649-85AF-4F9E-A210-7281BEDACD09}" dt="2022-03-15T17:19:37.027" v="121" actId="1076"/>
          <ac:picMkLst>
            <pc:docMk/>
            <pc:sldMk cId="2847953062" sldId="276"/>
            <ac:picMk id="12" creationId="{E889F467-9162-4DA1-8FF0-DE9F34C9383D}"/>
          </ac:picMkLst>
        </pc:picChg>
        <pc:picChg chg="add mod">
          <ac:chgData name="PedsOrtho Research" userId="HaxE9Ny2cPVsAIoXvOldp8LzbvclCF2aOb+hxye+xpA=" providerId="None" clId="Web-{A77E8649-85AF-4F9E-A210-7281BEDACD09}" dt="2022-03-15T17:19:32.917" v="120" actId="1076"/>
          <ac:picMkLst>
            <pc:docMk/>
            <pc:sldMk cId="2847953062" sldId="276"/>
            <ac:picMk id="13" creationId="{3C42B702-0FC2-49DF-8D9B-5B0ED270F80D}"/>
          </ac:picMkLst>
        </pc:picChg>
      </pc:sldChg>
      <pc:sldChg chg="delSp modSp">
        <pc:chgData name="PedsOrtho Research" userId="HaxE9Ny2cPVsAIoXvOldp8LzbvclCF2aOb+hxye+xpA=" providerId="None" clId="Web-{A77E8649-85AF-4F9E-A210-7281BEDACD09}" dt="2022-03-15T17:20:49.529" v="146" actId="14100"/>
        <pc:sldMkLst>
          <pc:docMk/>
          <pc:sldMk cId="577599240" sldId="277"/>
        </pc:sldMkLst>
        <pc:spChg chg="mod">
          <ac:chgData name="PedsOrtho Research" userId="HaxE9Ny2cPVsAIoXvOldp8LzbvclCF2aOb+hxye+xpA=" providerId="None" clId="Web-{A77E8649-85AF-4F9E-A210-7281BEDACD09}" dt="2022-03-15T17:19:57.309" v="126" actId="20577"/>
          <ac:spMkLst>
            <pc:docMk/>
            <pc:sldMk cId="577599240" sldId="277"/>
            <ac:spMk id="2" creationId="{9E3D7053-8A5C-7147-80A6-36B5F7E8710A}"/>
          </ac:spMkLst>
        </pc:spChg>
        <pc:spChg chg="mod">
          <ac:chgData name="PedsOrtho Research" userId="HaxE9Ny2cPVsAIoXvOldp8LzbvclCF2aOb+hxye+xpA=" providerId="None" clId="Web-{A77E8649-85AF-4F9E-A210-7281BEDACD09}" dt="2022-03-15T17:20:49.529" v="146" actId="14100"/>
          <ac:spMkLst>
            <pc:docMk/>
            <pc:sldMk cId="577599240" sldId="277"/>
            <ac:spMk id="3" creationId="{85CC8F06-CCC9-7B42-B341-571DCF4151C3}"/>
          </ac:spMkLst>
        </pc:spChg>
        <pc:picChg chg="del">
          <ac:chgData name="PedsOrtho Research" userId="HaxE9Ny2cPVsAIoXvOldp8LzbvclCF2aOb+hxye+xpA=" providerId="None" clId="Web-{A77E8649-85AF-4F9E-A210-7281BEDACD09}" dt="2022-03-15T17:20:16.419" v="127"/>
          <ac:picMkLst>
            <pc:docMk/>
            <pc:sldMk cId="577599240" sldId="277"/>
            <ac:picMk id="7" creationId="{9386D28D-CB05-44D8-A4BF-7718DF77EDA0}"/>
          </ac:picMkLst>
        </pc:picChg>
        <pc:picChg chg="del">
          <ac:chgData name="PedsOrtho Research" userId="HaxE9Ny2cPVsAIoXvOldp8LzbvclCF2aOb+hxye+xpA=" providerId="None" clId="Web-{A77E8649-85AF-4F9E-A210-7281BEDACD09}" dt="2022-03-15T17:20:16.466" v="128"/>
          <ac:picMkLst>
            <pc:docMk/>
            <pc:sldMk cId="577599240" sldId="277"/>
            <ac:picMk id="9" creationId="{6659B62F-A123-4BE8-B930-CCFCB17DD809}"/>
          </ac:picMkLst>
        </pc:picChg>
        <pc:picChg chg="del">
          <ac:chgData name="PedsOrtho Research" userId="HaxE9Ny2cPVsAIoXvOldp8LzbvclCF2aOb+hxye+xpA=" providerId="None" clId="Web-{A77E8649-85AF-4F9E-A210-7281BEDACD09}" dt="2022-03-15T17:20:16.497" v="129"/>
          <ac:picMkLst>
            <pc:docMk/>
            <pc:sldMk cId="577599240" sldId="277"/>
            <ac:picMk id="10" creationId="{9C57A4D1-C324-4D68-AA88-FC9866726F54}"/>
          </ac:picMkLst>
        </pc:picChg>
      </pc:sldChg>
      <pc:sldChg chg="del">
        <pc:chgData name="PedsOrtho Research" userId="HaxE9Ny2cPVsAIoXvOldp8LzbvclCF2aOb+hxye+xpA=" providerId="None" clId="Web-{A77E8649-85AF-4F9E-A210-7281BEDACD09}" dt="2022-03-15T17:20:49.560" v="147"/>
        <pc:sldMkLst>
          <pc:docMk/>
          <pc:sldMk cId="144996237" sldId="278"/>
        </pc:sldMkLst>
      </pc:sldChg>
      <pc:sldChg chg="modSp">
        <pc:chgData name="PedsOrtho Research" userId="HaxE9Ny2cPVsAIoXvOldp8LzbvclCF2aOb+hxye+xpA=" providerId="None" clId="Web-{A77E8649-85AF-4F9E-A210-7281BEDACD09}" dt="2022-03-15T17:21:09.998" v="153" actId="20577"/>
        <pc:sldMkLst>
          <pc:docMk/>
          <pc:sldMk cId="1466560415" sldId="279"/>
        </pc:sldMkLst>
        <pc:spChg chg="mod">
          <ac:chgData name="PedsOrtho Research" userId="HaxE9Ny2cPVsAIoXvOldp8LzbvclCF2aOb+hxye+xpA=" providerId="None" clId="Web-{A77E8649-85AF-4F9E-A210-7281BEDACD09}" dt="2022-03-15T17:21:09.998" v="153" actId="20577"/>
          <ac:spMkLst>
            <pc:docMk/>
            <pc:sldMk cId="1466560415" sldId="279"/>
            <ac:spMk id="3" creationId="{85CC8F06-CCC9-7B42-B341-571DCF4151C3}"/>
          </ac:spMkLst>
        </pc:spChg>
        <pc:spChg chg="mod">
          <ac:chgData name="PedsOrtho Research" userId="HaxE9Ny2cPVsAIoXvOldp8LzbvclCF2aOb+hxye+xpA=" providerId="None" clId="Web-{A77E8649-85AF-4F9E-A210-7281BEDACD09}" dt="2022-03-15T17:20:57.435" v="149" actId="20577"/>
          <ac:spMkLst>
            <pc:docMk/>
            <pc:sldMk cId="1466560415" sldId="279"/>
            <ac:spMk id="5" creationId="{12409A53-AA9E-AA4F-886B-7947C01A42B6}"/>
          </ac:spMkLst>
        </pc:spChg>
      </pc:sldChg>
      <pc:sldChg chg="addSp delSp modSp">
        <pc:chgData name="PedsOrtho Research" userId="HaxE9Ny2cPVsAIoXvOldp8LzbvclCF2aOb+hxye+xpA=" providerId="None" clId="Web-{A77E8649-85AF-4F9E-A210-7281BEDACD09}" dt="2022-03-15T17:19:07.729" v="105" actId="20577"/>
        <pc:sldMkLst>
          <pc:docMk/>
          <pc:sldMk cId="4143892046" sldId="281"/>
        </pc:sldMkLst>
        <pc:spChg chg="mod">
          <ac:chgData name="PedsOrtho Research" userId="HaxE9Ny2cPVsAIoXvOldp8LzbvclCF2aOb+hxye+xpA=" providerId="None" clId="Web-{A77E8649-85AF-4F9E-A210-7281BEDACD09}" dt="2022-03-15T17:17:14.226" v="62" actId="20577"/>
          <ac:spMkLst>
            <pc:docMk/>
            <pc:sldMk cId="4143892046" sldId="281"/>
            <ac:spMk id="2" creationId="{9E3D7053-8A5C-7147-80A6-36B5F7E8710A}"/>
          </ac:spMkLst>
        </pc:spChg>
        <pc:spChg chg="mod">
          <ac:chgData name="PedsOrtho Research" userId="HaxE9Ny2cPVsAIoXvOldp8LzbvclCF2aOb+hxye+xpA=" providerId="None" clId="Web-{A77E8649-85AF-4F9E-A210-7281BEDACD09}" dt="2022-03-15T17:19:07.729" v="105" actId="20577"/>
          <ac:spMkLst>
            <pc:docMk/>
            <pc:sldMk cId="4143892046" sldId="281"/>
            <ac:spMk id="3" creationId="{85CC8F06-CCC9-7B42-B341-571DCF4151C3}"/>
          </ac:spMkLst>
        </pc:spChg>
        <pc:picChg chg="del">
          <ac:chgData name="PedsOrtho Research" userId="HaxE9Ny2cPVsAIoXvOldp8LzbvclCF2aOb+hxye+xpA=" providerId="None" clId="Web-{A77E8649-85AF-4F9E-A210-7281BEDACD09}" dt="2022-03-15T17:17:14.273" v="63"/>
          <ac:picMkLst>
            <pc:docMk/>
            <pc:sldMk cId="4143892046" sldId="281"/>
            <ac:picMk id="4" creationId="{7F669CCE-5526-4A10-AFDA-38C34C8B8101}"/>
          </ac:picMkLst>
        </pc:picChg>
        <pc:picChg chg="add mod">
          <ac:chgData name="PedsOrtho Research" userId="HaxE9Ny2cPVsAIoXvOldp8LzbvclCF2aOb+hxye+xpA=" providerId="None" clId="Web-{A77E8649-85AF-4F9E-A210-7281BEDACD09}" dt="2022-03-15T17:18:45.244" v="97" actId="1076"/>
          <ac:picMkLst>
            <pc:docMk/>
            <pc:sldMk cId="4143892046" sldId="281"/>
            <ac:picMk id="8" creationId="{AA551523-D99C-449D-937B-698BCC589946}"/>
          </ac:picMkLst>
        </pc:picChg>
      </pc:sldChg>
    </pc:docChg>
  </pc:docChgLst>
  <pc:docChgLst>
    <pc:chgData name="PedsOrtho Research" clId="Web-{A77E8649-85AF-4F9E-A210-7281BEDACD09}"/>
    <pc:docChg chg="addSld delSld modSld">
      <pc:chgData name="PedsOrtho Research" userId="" providerId="" clId="Web-{A77E8649-85AF-4F9E-A210-7281BEDACD09}" dt="2022-03-15T17:52:06.204" v="111" actId="20577"/>
      <pc:docMkLst>
        <pc:docMk/>
      </pc:docMkLst>
      <pc:sldChg chg="modSp">
        <pc:chgData name="PedsOrtho Research" userId="" providerId="" clId="Web-{A77E8649-85AF-4F9E-A210-7281BEDACD09}" dt="2022-03-15T17:47:46.001" v="0" actId="20577"/>
        <pc:sldMkLst>
          <pc:docMk/>
          <pc:sldMk cId="130553064" sldId="272"/>
        </pc:sldMkLst>
        <pc:spChg chg="mod">
          <ac:chgData name="PedsOrtho Research" userId="" providerId="" clId="Web-{A77E8649-85AF-4F9E-A210-7281BEDACD09}" dt="2022-03-15T17:47:46.001" v="0" actId="20577"/>
          <ac:spMkLst>
            <pc:docMk/>
            <pc:sldMk cId="130553064" sldId="272"/>
            <ac:spMk id="3" creationId="{85CC8F06-CCC9-7B42-B341-571DCF4151C3}"/>
          </ac:spMkLst>
        </pc:spChg>
      </pc:sldChg>
      <pc:sldChg chg="addSp delSp modSp">
        <pc:chgData name="PedsOrtho Research" userId="" providerId="" clId="Web-{A77E8649-85AF-4F9E-A210-7281BEDACD09}" dt="2022-03-15T17:52:06.204" v="111" actId="20577"/>
        <pc:sldMkLst>
          <pc:docMk/>
          <pc:sldMk cId="2847953062" sldId="276"/>
        </pc:sldMkLst>
        <pc:spChg chg="mod">
          <ac:chgData name="PedsOrtho Research" userId="" providerId="" clId="Web-{A77E8649-85AF-4F9E-A210-7281BEDACD09}" dt="2022-03-15T17:52:06.204" v="111" actId="20577"/>
          <ac:spMkLst>
            <pc:docMk/>
            <pc:sldMk cId="2847953062" sldId="276"/>
            <ac:spMk id="5" creationId="{12409A53-AA9E-AA4F-886B-7947C01A42B6}"/>
          </ac:spMkLst>
        </pc:spChg>
        <pc:spChg chg="add del mod">
          <ac:chgData name="PedsOrtho Research" userId="" providerId="" clId="Web-{A77E8649-85AF-4F9E-A210-7281BEDACD09}" dt="2022-03-15T17:50:28.355" v="67"/>
          <ac:spMkLst>
            <pc:docMk/>
            <pc:sldMk cId="2847953062" sldId="276"/>
            <ac:spMk id="7" creationId="{94716254-BED4-4DA0-B811-E93484312E1D}"/>
          </ac:spMkLst>
        </pc:spChg>
        <pc:spChg chg="add mod">
          <ac:chgData name="PedsOrtho Research" userId="" providerId="" clId="Web-{A77E8649-85AF-4F9E-A210-7281BEDACD09}" dt="2022-03-15T17:50:35.652" v="68" actId="1076"/>
          <ac:spMkLst>
            <pc:docMk/>
            <pc:sldMk cId="2847953062" sldId="276"/>
            <ac:spMk id="9" creationId="{2A149026-569C-4F4F-B9A1-1B50E82E083A}"/>
          </ac:spMkLst>
        </pc:spChg>
        <pc:picChg chg="mod">
          <ac:chgData name="PedsOrtho Research" userId="" providerId="" clId="Web-{A77E8649-85AF-4F9E-A210-7281BEDACD09}" dt="2022-03-15T17:49:53.056" v="61" actId="1076"/>
          <ac:picMkLst>
            <pc:docMk/>
            <pc:sldMk cId="2847953062" sldId="276"/>
            <ac:picMk id="8" creationId="{E8786F6F-E461-459A-8F99-EF848631E1BB}"/>
          </ac:picMkLst>
        </pc:picChg>
        <pc:picChg chg="mod">
          <ac:chgData name="PedsOrtho Research" userId="" providerId="" clId="Web-{A77E8649-85AF-4F9E-A210-7281BEDACD09}" dt="2022-03-15T17:49:55.806" v="62" actId="1076"/>
          <ac:picMkLst>
            <pc:docMk/>
            <pc:sldMk cId="2847953062" sldId="276"/>
            <ac:picMk id="10" creationId="{FBE800B8-0455-439A-8369-5FC7C7543C8E}"/>
          </ac:picMkLst>
        </pc:picChg>
        <pc:picChg chg="mod">
          <ac:chgData name="PedsOrtho Research" userId="" providerId="" clId="Web-{A77E8649-85AF-4F9E-A210-7281BEDACD09}" dt="2022-03-15T17:49:37.899" v="58" actId="1076"/>
          <ac:picMkLst>
            <pc:docMk/>
            <pc:sldMk cId="2847953062" sldId="276"/>
            <ac:picMk id="11" creationId="{B84B563A-A5EA-4DA0-9F09-FA7C13380462}"/>
          </ac:picMkLst>
        </pc:picChg>
        <pc:picChg chg="mod">
          <ac:chgData name="PedsOrtho Research" userId="" providerId="" clId="Web-{A77E8649-85AF-4F9E-A210-7281BEDACD09}" dt="2022-03-15T17:49:58.212" v="63" actId="1076"/>
          <ac:picMkLst>
            <pc:docMk/>
            <pc:sldMk cId="2847953062" sldId="276"/>
            <ac:picMk id="12" creationId="{E889F467-9162-4DA1-8FF0-DE9F34C9383D}"/>
          </ac:picMkLst>
        </pc:picChg>
        <pc:picChg chg="mod">
          <ac:chgData name="PedsOrtho Research" userId="" providerId="" clId="Web-{A77E8649-85AF-4F9E-A210-7281BEDACD09}" dt="2022-03-15T17:50:00.634" v="64" actId="1076"/>
          <ac:picMkLst>
            <pc:docMk/>
            <pc:sldMk cId="2847953062" sldId="276"/>
            <ac:picMk id="13" creationId="{3C42B702-0FC2-49DF-8D9B-5B0ED270F80D}"/>
          </ac:picMkLst>
        </pc:picChg>
      </pc:sldChg>
      <pc:sldChg chg="delSp modSp del">
        <pc:chgData name="PedsOrtho Research" userId="" providerId="" clId="Web-{A77E8649-85AF-4F9E-A210-7281BEDACD09}" dt="2022-03-15T17:52:01.438" v="109"/>
        <pc:sldMkLst>
          <pc:docMk/>
          <pc:sldMk cId="4143892046" sldId="281"/>
        </pc:sldMkLst>
        <pc:spChg chg="mod">
          <ac:chgData name="PedsOrtho Research" userId="" providerId="" clId="Web-{A77E8649-85AF-4F9E-A210-7281BEDACD09}" dt="2022-03-15T17:48:03.377" v="2" actId="20577"/>
          <ac:spMkLst>
            <pc:docMk/>
            <pc:sldMk cId="4143892046" sldId="281"/>
            <ac:spMk id="3" creationId="{85CC8F06-CCC9-7B42-B341-571DCF4151C3}"/>
          </ac:spMkLst>
        </pc:spChg>
        <pc:picChg chg="del">
          <ac:chgData name="PedsOrtho Research" userId="" providerId="" clId="Web-{A77E8649-85AF-4F9E-A210-7281BEDACD09}" dt="2022-03-15T17:50:52.559" v="70"/>
          <ac:picMkLst>
            <pc:docMk/>
            <pc:sldMk cId="4143892046" sldId="281"/>
            <ac:picMk id="8" creationId="{AA551523-D99C-449D-937B-698BCC589946}"/>
          </ac:picMkLst>
        </pc:picChg>
      </pc:sldChg>
      <pc:sldChg chg="addSp delSp modSp add replId">
        <pc:chgData name="PedsOrtho Research" userId="" providerId="" clId="Web-{A77E8649-85AF-4F9E-A210-7281BEDACD09}" dt="2022-03-15T17:51:53.953" v="108" actId="20577"/>
        <pc:sldMkLst>
          <pc:docMk/>
          <pc:sldMk cId="632903946" sldId="282"/>
        </pc:sldMkLst>
        <pc:spChg chg="mod">
          <ac:chgData name="PedsOrtho Research" userId="" providerId="" clId="Web-{A77E8649-85AF-4F9E-A210-7281BEDACD09}" dt="2022-03-15T17:51:53.953" v="108" actId="20577"/>
          <ac:spMkLst>
            <pc:docMk/>
            <pc:sldMk cId="632903946" sldId="282"/>
            <ac:spMk id="7" creationId="{94716254-BED4-4DA0-B811-E93484312E1D}"/>
          </ac:spMkLst>
        </pc:spChg>
        <pc:picChg chg="del">
          <ac:chgData name="PedsOrtho Research" userId="" providerId="" clId="Web-{A77E8649-85AF-4F9E-A210-7281BEDACD09}" dt="2022-03-15T17:50:58.325" v="76"/>
          <ac:picMkLst>
            <pc:docMk/>
            <pc:sldMk cId="632903946" sldId="282"/>
            <ac:picMk id="8" creationId="{E8786F6F-E461-459A-8F99-EF848631E1BB}"/>
          </ac:picMkLst>
        </pc:picChg>
        <pc:picChg chg="add mod">
          <ac:chgData name="PedsOrtho Research" userId="" providerId="" clId="Web-{A77E8649-85AF-4F9E-A210-7281BEDACD09}" dt="2022-03-15T17:51:41.109" v="104" actId="1076"/>
          <ac:picMkLst>
            <pc:docMk/>
            <pc:sldMk cId="632903946" sldId="282"/>
            <ac:picMk id="9" creationId="{6227C5E2-1847-40F4-91BC-0CE0E0B6E23C}"/>
          </ac:picMkLst>
        </pc:picChg>
        <pc:picChg chg="del">
          <ac:chgData name="PedsOrtho Research" userId="" providerId="" clId="Web-{A77E8649-85AF-4F9E-A210-7281BEDACD09}" dt="2022-03-15T17:50:58.309" v="75"/>
          <ac:picMkLst>
            <pc:docMk/>
            <pc:sldMk cId="632903946" sldId="282"/>
            <ac:picMk id="10" creationId="{FBE800B8-0455-439A-8369-5FC7C7543C8E}"/>
          </ac:picMkLst>
        </pc:picChg>
        <pc:picChg chg="del">
          <ac:chgData name="PedsOrtho Research" userId="" providerId="" clId="Web-{A77E8649-85AF-4F9E-A210-7281BEDACD09}" dt="2022-03-15T17:50:58.309" v="74"/>
          <ac:picMkLst>
            <pc:docMk/>
            <pc:sldMk cId="632903946" sldId="282"/>
            <ac:picMk id="11" creationId="{B84B563A-A5EA-4DA0-9F09-FA7C13380462}"/>
          </ac:picMkLst>
        </pc:picChg>
        <pc:picChg chg="del">
          <ac:chgData name="PedsOrtho Research" userId="" providerId="" clId="Web-{A77E8649-85AF-4F9E-A210-7281BEDACD09}" dt="2022-03-15T17:50:58.309" v="73"/>
          <ac:picMkLst>
            <pc:docMk/>
            <pc:sldMk cId="632903946" sldId="282"/>
            <ac:picMk id="12" creationId="{E889F467-9162-4DA1-8FF0-DE9F34C9383D}"/>
          </ac:picMkLst>
        </pc:picChg>
        <pc:picChg chg="del">
          <ac:chgData name="PedsOrtho Research" userId="" providerId="" clId="Web-{A77E8649-85AF-4F9E-A210-7281BEDACD09}" dt="2022-03-15T17:50:58.309" v="72"/>
          <ac:picMkLst>
            <pc:docMk/>
            <pc:sldMk cId="632903946" sldId="282"/>
            <ac:picMk id="13" creationId="{3C42B702-0FC2-49DF-8D9B-5B0ED270F80D}"/>
          </ac:picMkLst>
        </pc:picChg>
      </pc:sldChg>
    </pc:docChg>
  </pc:docChgLst>
  <pc:docChgLst>
    <pc:chgData name="PedsOrtho Research" userId="HaxE9Ny2cPVsAIoXvOldp8LzbvclCF2aOb+hxye+xpA=" providerId="None" clId="Web-{0581C5ED-2A29-423A-869E-D7FA90C0E67A}"/>
    <pc:docChg chg="addSld delSld modSld">
      <pc:chgData name="PedsOrtho Research" userId="HaxE9Ny2cPVsAIoXvOldp8LzbvclCF2aOb+hxye+xpA=" providerId="None" clId="Web-{0581C5ED-2A29-423A-869E-D7FA90C0E67A}" dt="2022-03-10T21:25:00.482" v="255" actId="20577"/>
      <pc:docMkLst>
        <pc:docMk/>
      </pc:docMkLst>
      <pc:sldChg chg="modSp">
        <pc:chgData name="PedsOrtho Research" userId="HaxE9Ny2cPVsAIoXvOldp8LzbvclCF2aOb+hxye+xpA=" providerId="None" clId="Web-{0581C5ED-2A29-423A-869E-D7FA90C0E67A}" dt="2022-03-10T21:14:19.244" v="15" actId="20577"/>
        <pc:sldMkLst>
          <pc:docMk/>
          <pc:sldMk cId="3277268862" sldId="267"/>
        </pc:sldMkLst>
        <pc:spChg chg="mod">
          <ac:chgData name="PedsOrtho Research" userId="HaxE9Ny2cPVsAIoXvOldp8LzbvclCF2aOb+hxye+xpA=" providerId="None" clId="Web-{0581C5ED-2A29-423A-869E-D7FA90C0E67A}" dt="2022-03-10T21:14:19.244" v="15" actId="20577"/>
          <ac:spMkLst>
            <pc:docMk/>
            <pc:sldMk cId="3277268862" sldId="267"/>
            <ac:spMk id="2" creationId="{644787D2-57FF-D345-B6CF-782465B5B71B}"/>
          </ac:spMkLst>
        </pc:spChg>
        <pc:spChg chg="mod">
          <ac:chgData name="PedsOrtho Research" userId="HaxE9Ny2cPVsAIoXvOldp8LzbvclCF2aOb+hxye+xpA=" providerId="None" clId="Web-{0581C5ED-2A29-423A-869E-D7FA90C0E67A}" dt="2022-03-10T21:14:15.322" v="14" actId="20577"/>
          <ac:spMkLst>
            <pc:docMk/>
            <pc:sldMk cId="3277268862" sldId="267"/>
            <ac:spMk id="3" creationId="{18960019-5024-1443-BF49-A70D15A4A5DA}"/>
          </ac:spMkLst>
        </pc:spChg>
      </pc:sldChg>
      <pc:sldChg chg="modSp">
        <pc:chgData name="PedsOrtho Research" userId="HaxE9Ny2cPVsAIoXvOldp8LzbvclCF2aOb+hxye+xpA=" providerId="None" clId="Web-{0581C5ED-2A29-423A-869E-D7FA90C0E67A}" dt="2022-03-10T21:14:42.901" v="20" actId="20577"/>
        <pc:sldMkLst>
          <pc:docMk/>
          <pc:sldMk cId="1349437253" sldId="268"/>
        </pc:sldMkLst>
        <pc:spChg chg="mod">
          <ac:chgData name="PedsOrtho Research" userId="HaxE9Ny2cPVsAIoXvOldp8LzbvclCF2aOb+hxye+xpA=" providerId="None" clId="Web-{0581C5ED-2A29-423A-869E-D7FA90C0E67A}" dt="2022-03-10T21:14:42.901" v="20" actId="20577"/>
          <ac:spMkLst>
            <pc:docMk/>
            <pc:sldMk cId="1349437253" sldId="268"/>
            <ac:spMk id="3" creationId="{85CC8F06-CCC9-7B42-B341-571DCF4151C3}"/>
          </ac:spMkLst>
        </pc:spChg>
      </pc:sldChg>
      <pc:sldChg chg="modSp">
        <pc:chgData name="PedsOrtho Research" userId="HaxE9Ny2cPVsAIoXvOldp8LzbvclCF2aOb+hxye+xpA=" providerId="None" clId="Web-{0581C5ED-2A29-423A-869E-D7FA90C0E67A}" dt="2022-03-10T21:17:15.546" v="57" actId="20577"/>
        <pc:sldMkLst>
          <pc:docMk/>
          <pc:sldMk cId="1551128764" sldId="271"/>
        </pc:sldMkLst>
        <pc:spChg chg="mod">
          <ac:chgData name="PedsOrtho Research" userId="HaxE9Ny2cPVsAIoXvOldp8LzbvclCF2aOb+hxye+xpA=" providerId="None" clId="Web-{0581C5ED-2A29-423A-869E-D7FA90C0E67A}" dt="2022-03-10T21:14:50.355" v="21" actId="20577"/>
          <ac:spMkLst>
            <pc:docMk/>
            <pc:sldMk cId="1551128764" sldId="271"/>
            <ac:spMk id="2" creationId="{9E3D7053-8A5C-7147-80A6-36B5F7E8710A}"/>
          </ac:spMkLst>
        </pc:spChg>
        <pc:spChg chg="mod">
          <ac:chgData name="PedsOrtho Research" userId="HaxE9Ny2cPVsAIoXvOldp8LzbvclCF2aOb+hxye+xpA=" providerId="None" clId="Web-{0581C5ED-2A29-423A-869E-D7FA90C0E67A}" dt="2022-03-10T21:17:15.546" v="57" actId="20577"/>
          <ac:spMkLst>
            <pc:docMk/>
            <pc:sldMk cId="1551128764" sldId="271"/>
            <ac:spMk id="3" creationId="{85CC8F06-CCC9-7B42-B341-571DCF4151C3}"/>
          </ac:spMkLst>
        </pc:spChg>
      </pc:sldChg>
      <pc:sldChg chg="addSp delSp modSp">
        <pc:chgData name="PedsOrtho Research" userId="HaxE9Ny2cPVsAIoXvOldp8LzbvclCF2aOb+hxye+xpA=" providerId="None" clId="Web-{0581C5ED-2A29-423A-869E-D7FA90C0E67A}" dt="2022-03-10T21:18:20.454" v="83" actId="14100"/>
        <pc:sldMkLst>
          <pc:docMk/>
          <pc:sldMk cId="130553064" sldId="272"/>
        </pc:sldMkLst>
        <pc:spChg chg="mod">
          <ac:chgData name="PedsOrtho Research" userId="HaxE9Ny2cPVsAIoXvOldp8LzbvclCF2aOb+hxye+xpA=" providerId="None" clId="Web-{0581C5ED-2A29-423A-869E-D7FA90C0E67A}" dt="2022-03-10T21:17:24.609" v="58" actId="20577"/>
          <ac:spMkLst>
            <pc:docMk/>
            <pc:sldMk cId="130553064" sldId="272"/>
            <ac:spMk id="2" creationId="{9E3D7053-8A5C-7147-80A6-36B5F7E8710A}"/>
          </ac:spMkLst>
        </pc:spChg>
        <pc:spChg chg="mod">
          <ac:chgData name="PedsOrtho Research" userId="HaxE9Ny2cPVsAIoXvOldp8LzbvclCF2aOb+hxye+xpA=" providerId="None" clId="Web-{0581C5ED-2A29-423A-869E-D7FA90C0E67A}" dt="2022-03-10T21:18:20.454" v="83" actId="14100"/>
          <ac:spMkLst>
            <pc:docMk/>
            <pc:sldMk cId="130553064" sldId="272"/>
            <ac:spMk id="3" creationId="{85CC8F06-CCC9-7B42-B341-571DCF4151C3}"/>
          </ac:spMkLst>
        </pc:spChg>
        <pc:spChg chg="del">
          <ac:chgData name="PedsOrtho Research" userId="HaxE9Ny2cPVsAIoXvOldp8LzbvclCF2aOb+hxye+xpA=" providerId="None" clId="Web-{0581C5ED-2A29-423A-869E-D7FA90C0E67A}" dt="2022-03-10T21:17:35.813" v="61"/>
          <ac:spMkLst>
            <pc:docMk/>
            <pc:sldMk cId="130553064" sldId="272"/>
            <ac:spMk id="11" creationId="{18ABA1A4-90BB-4F98-9DB4-E78FC3A967F2}"/>
          </ac:spMkLst>
        </pc:spChg>
        <pc:spChg chg="del">
          <ac:chgData name="PedsOrtho Research" userId="HaxE9Ny2cPVsAIoXvOldp8LzbvclCF2aOb+hxye+xpA=" providerId="None" clId="Web-{0581C5ED-2A29-423A-869E-D7FA90C0E67A}" dt="2022-03-10T21:17:35.813" v="60"/>
          <ac:spMkLst>
            <pc:docMk/>
            <pc:sldMk cId="130553064" sldId="272"/>
            <ac:spMk id="12" creationId="{C8BD3657-8ECA-4240-80B1-FB4063E30B14}"/>
          </ac:spMkLst>
        </pc:spChg>
        <pc:spChg chg="del">
          <ac:chgData name="PedsOrtho Research" userId="HaxE9Ny2cPVsAIoXvOldp8LzbvclCF2aOb+hxye+xpA=" providerId="None" clId="Web-{0581C5ED-2A29-423A-869E-D7FA90C0E67A}" dt="2022-03-10T21:17:35.813" v="59"/>
          <ac:spMkLst>
            <pc:docMk/>
            <pc:sldMk cId="130553064" sldId="272"/>
            <ac:spMk id="13" creationId="{FA530AAC-A285-4920-A3D0-FCC8273DF2F8}"/>
          </ac:spMkLst>
        </pc:spChg>
        <pc:picChg chg="add mod">
          <ac:chgData name="PedsOrtho Research" userId="HaxE9Ny2cPVsAIoXvOldp8LzbvclCF2aOb+hxye+xpA=" providerId="None" clId="Web-{0581C5ED-2A29-423A-869E-D7FA90C0E67A}" dt="2022-03-10T21:17:54.610" v="71" actId="1076"/>
          <ac:picMkLst>
            <pc:docMk/>
            <pc:sldMk cId="130553064" sldId="272"/>
            <ac:picMk id="4" creationId="{7F669CCE-5526-4A10-AFDA-38C34C8B8101}"/>
          </ac:picMkLst>
        </pc:picChg>
        <pc:picChg chg="del">
          <ac:chgData name="PedsOrtho Research" userId="HaxE9Ny2cPVsAIoXvOldp8LzbvclCF2aOb+hxye+xpA=" providerId="None" clId="Web-{0581C5ED-2A29-423A-869E-D7FA90C0E67A}" dt="2022-03-10T21:17:35.813" v="64"/>
          <ac:picMkLst>
            <pc:docMk/>
            <pc:sldMk cId="130553064" sldId="272"/>
            <ac:picMk id="7" creationId="{B0C1D2EF-AF8F-4382-A087-68FB61AFE958}"/>
          </ac:picMkLst>
        </pc:picChg>
        <pc:picChg chg="del">
          <ac:chgData name="PedsOrtho Research" userId="HaxE9Ny2cPVsAIoXvOldp8LzbvclCF2aOb+hxye+xpA=" providerId="None" clId="Web-{0581C5ED-2A29-423A-869E-D7FA90C0E67A}" dt="2022-03-10T21:17:35.813" v="63"/>
          <ac:picMkLst>
            <pc:docMk/>
            <pc:sldMk cId="130553064" sldId="272"/>
            <ac:picMk id="9" creationId="{E1D62A38-B153-43C4-8874-0DD25CAD5D1D}"/>
          </ac:picMkLst>
        </pc:picChg>
        <pc:picChg chg="del">
          <ac:chgData name="PedsOrtho Research" userId="HaxE9Ny2cPVsAIoXvOldp8LzbvclCF2aOb+hxye+xpA=" providerId="None" clId="Web-{0581C5ED-2A29-423A-869E-D7FA90C0E67A}" dt="2022-03-10T21:17:35.813" v="62"/>
          <ac:picMkLst>
            <pc:docMk/>
            <pc:sldMk cId="130553064" sldId="272"/>
            <ac:picMk id="10" creationId="{F6AAB921-46A6-4FF1-9083-A51AE4FB03AB}"/>
          </ac:picMkLst>
        </pc:picChg>
      </pc:sldChg>
      <pc:sldChg chg="del">
        <pc:chgData name="PedsOrtho Research" userId="HaxE9Ny2cPVsAIoXvOldp8LzbvclCF2aOb+hxye+xpA=" providerId="None" clId="Web-{0581C5ED-2A29-423A-869E-D7FA90C0E67A}" dt="2022-03-10T21:18:29.689" v="85"/>
        <pc:sldMkLst>
          <pc:docMk/>
          <pc:sldMk cId="4132938576" sldId="273"/>
        </pc:sldMkLst>
      </pc:sldChg>
      <pc:sldChg chg="del">
        <pc:chgData name="PedsOrtho Research" userId="HaxE9Ny2cPVsAIoXvOldp8LzbvclCF2aOb+hxye+xpA=" providerId="None" clId="Web-{0581C5ED-2A29-423A-869E-D7FA90C0E67A}" dt="2022-03-10T21:19:28.238" v="112"/>
        <pc:sldMkLst>
          <pc:docMk/>
          <pc:sldMk cId="3389090094" sldId="274"/>
        </pc:sldMkLst>
      </pc:sldChg>
      <pc:sldChg chg="del">
        <pc:chgData name="PedsOrtho Research" userId="HaxE9Ny2cPVsAIoXvOldp8LzbvclCF2aOb+hxye+xpA=" providerId="None" clId="Web-{0581C5ED-2A29-423A-869E-D7FA90C0E67A}" dt="2022-03-10T21:19:33.988" v="113"/>
        <pc:sldMkLst>
          <pc:docMk/>
          <pc:sldMk cId="1029695708" sldId="275"/>
        </pc:sldMkLst>
      </pc:sldChg>
      <pc:sldChg chg="addSp delSp modSp">
        <pc:chgData name="PedsOrtho Research" userId="HaxE9Ny2cPVsAIoXvOldp8LzbvclCF2aOb+hxye+xpA=" providerId="None" clId="Web-{0581C5ED-2A29-423A-869E-D7FA90C0E67A}" dt="2022-03-10T21:24:49.700" v="251" actId="20577"/>
        <pc:sldMkLst>
          <pc:docMk/>
          <pc:sldMk cId="2847953062" sldId="276"/>
        </pc:sldMkLst>
        <pc:spChg chg="mod">
          <ac:chgData name="PedsOrtho Research" userId="HaxE9Ny2cPVsAIoXvOldp8LzbvclCF2aOb+hxye+xpA=" providerId="None" clId="Web-{0581C5ED-2A29-423A-869E-D7FA90C0E67A}" dt="2022-03-10T21:20:42.130" v="150" actId="20577"/>
          <ac:spMkLst>
            <pc:docMk/>
            <pc:sldMk cId="2847953062" sldId="276"/>
            <ac:spMk id="3" creationId="{85CC8F06-CCC9-7B42-B341-571DCF4151C3}"/>
          </ac:spMkLst>
        </pc:spChg>
        <pc:spChg chg="mod">
          <ac:chgData name="PedsOrtho Research" userId="HaxE9Ny2cPVsAIoXvOldp8LzbvclCF2aOb+hxye+xpA=" providerId="None" clId="Web-{0581C5ED-2A29-423A-869E-D7FA90C0E67A}" dt="2022-03-10T21:24:49.700" v="251" actId="20577"/>
          <ac:spMkLst>
            <pc:docMk/>
            <pc:sldMk cId="2847953062" sldId="276"/>
            <ac:spMk id="5" creationId="{12409A53-AA9E-AA4F-886B-7947C01A42B6}"/>
          </ac:spMkLst>
        </pc:spChg>
        <pc:picChg chg="del">
          <ac:chgData name="PedsOrtho Research" userId="HaxE9Ny2cPVsAIoXvOldp8LzbvclCF2aOb+hxye+xpA=" providerId="None" clId="Web-{0581C5ED-2A29-423A-869E-D7FA90C0E67A}" dt="2022-03-10T21:20:43.162" v="151"/>
          <ac:picMkLst>
            <pc:docMk/>
            <pc:sldMk cId="2847953062" sldId="276"/>
            <ac:picMk id="4" creationId="{BB3B918A-C4A6-4B98-AF0C-3A9AA75D20E1}"/>
          </ac:picMkLst>
        </pc:picChg>
        <pc:picChg chg="add mod">
          <ac:chgData name="PedsOrtho Research" userId="HaxE9Ny2cPVsAIoXvOldp8LzbvclCF2aOb+hxye+xpA=" providerId="None" clId="Web-{0581C5ED-2A29-423A-869E-D7FA90C0E67A}" dt="2022-03-10T21:21:12.397" v="160" actId="1076"/>
          <ac:picMkLst>
            <pc:docMk/>
            <pc:sldMk cId="2847953062" sldId="276"/>
            <ac:picMk id="7" creationId="{6D0F156A-BDD3-41EF-A2DB-6F72D1B5A636}"/>
          </ac:picMkLst>
        </pc:picChg>
        <pc:picChg chg="add mod">
          <ac:chgData name="PedsOrtho Research" userId="HaxE9Ny2cPVsAIoXvOldp8LzbvclCF2aOb+hxye+xpA=" providerId="None" clId="Web-{0581C5ED-2A29-423A-869E-D7FA90C0E67A}" dt="2022-03-10T21:21:09.162" v="159" actId="1076"/>
          <ac:picMkLst>
            <pc:docMk/>
            <pc:sldMk cId="2847953062" sldId="276"/>
            <ac:picMk id="9" creationId="{8D01ADF5-62D9-4649-A96C-A84C848CC35B}"/>
          </ac:picMkLst>
        </pc:picChg>
      </pc:sldChg>
      <pc:sldChg chg="addSp delSp modSp">
        <pc:chgData name="PedsOrtho Research" userId="HaxE9Ny2cPVsAIoXvOldp8LzbvclCF2aOb+hxye+xpA=" providerId="None" clId="Web-{0581C5ED-2A29-423A-869E-D7FA90C0E67A}" dt="2022-03-10T21:24:53.403" v="252" actId="20577"/>
        <pc:sldMkLst>
          <pc:docMk/>
          <pc:sldMk cId="577599240" sldId="277"/>
        </pc:sldMkLst>
        <pc:spChg chg="mod">
          <ac:chgData name="PedsOrtho Research" userId="HaxE9Ny2cPVsAIoXvOldp8LzbvclCF2aOb+hxye+xpA=" providerId="None" clId="Web-{0581C5ED-2A29-423A-869E-D7FA90C0E67A}" dt="2022-03-10T21:23:04.635" v="216" actId="14100"/>
          <ac:spMkLst>
            <pc:docMk/>
            <pc:sldMk cId="577599240" sldId="277"/>
            <ac:spMk id="3" creationId="{85CC8F06-CCC9-7B42-B341-571DCF4151C3}"/>
          </ac:spMkLst>
        </pc:spChg>
        <pc:spChg chg="mod">
          <ac:chgData name="PedsOrtho Research" userId="HaxE9Ny2cPVsAIoXvOldp8LzbvclCF2aOb+hxye+xpA=" providerId="None" clId="Web-{0581C5ED-2A29-423A-869E-D7FA90C0E67A}" dt="2022-03-10T21:24:53.403" v="252" actId="20577"/>
          <ac:spMkLst>
            <pc:docMk/>
            <pc:sldMk cId="577599240" sldId="277"/>
            <ac:spMk id="5" creationId="{12409A53-AA9E-AA4F-886B-7947C01A42B6}"/>
          </ac:spMkLst>
        </pc:spChg>
        <pc:picChg chg="del">
          <ac:chgData name="PedsOrtho Research" userId="HaxE9Ny2cPVsAIoXvOldp8LzbvclCF2aOb+hxye+xpA=" providerId="None" clId="Web-{0581C5ED-2A29-423A-869E-D7FA90C0E67A}" dt="2022-03-10T21:21:58.711" v="189"/>
          <ac:picMkLst>
            <pc:docMk/>
            <pc:sldMk cId="577599240" sldId="277"/>
            <ac:picMk id="4" creationId="{BB3B918A-C4A6-4B98-AF0C-3A9AA75D20E1}"/>
          </ac:picMkLst>
        </pc:picChg>
        <pc:picChg chg="add mod">
          <ac:chgData name="PedsOrtho Research" userId="HaxE9Ny2cPVsAIoXvOldp8LzbvclCF2aOb+hxye+xpA=" providerId="None" clId="Web-{0581C5ED-2A29-423A-869E-D7FA90C0E67A}" dt="2022-03-10T21:23:01.244" v="215" actId="1076"/>
          <ac:picMkLst>
            <pc:docMk/>
            <pc:sldMk cId="577599240" sldId="277"/>
            <ac:picMk id="7" creationId="{9386D28D-CB05-44D8-A4BF-7718DF77EDA0}"/>
          </ac:picMkLst>
        </pc:picChg>
        <pc:picChg chg="add mod">
          <ac:chgData name="PedsOrtho Research" userId="HaxE9Ny2cPVsAIoXvOldp8LzbvclCF2aOb+hxye+xpA=" providerId="None" clId="Web-{0581C5ED-2A29-423A-869E-D7FA90C0E67A}" dt="2022-03-10T21:23:01.213" v="214" actId="1076"/>
          <ac:picMkLst>
            <pc:docMk/>
            <pc:sldMk cId="577599240" sldId="277"/>
            <ac:picMk id="9" creationId="{6659B62F-A123-4BE8-B930-CCFCB17DD809}"/>
          </ac:picMkLst>
        </pc:picChg>
        <pc:picChg chg="add mod">
          <ac:chgData name="PedsOrtho Research" userId="HaxE9Ny2cPVsAIoXvOldp8LzbvclCF2aOb+hxye+xpA=" providerId="None" clId="Web-{0581C5ED-2A29-423A-869E-D7FA90C0E67A}" dt="2022-03-10T21:23:01.197" v="213" actId="1076"/>
          <ac:picMkLst>
            <pc:docMk/>
            <pc:sldMk cId="577599240" sldId="277"/>
            <ac:picMk id="10" creationId="{9C57A4D1-C324-4D68-AA88-FC9866726F54}"/>
          </ac:picMkLst>
        </pc:picChg>
      </pc:sldChg>
      <pc:sldChg chg="addSp delSp modSp">
        <pc:chgData name="PedsOrtho Research" userId="HaxE9Ny2cPVsAIoXvOldp8LzbvclCF2aOb+hxye+xpA=" providerId="None" clId="Web-{0581C5ED-2A29-423A-869E-D7FA90C0E67A}" dt="2022-03-10T21:24:56.560" v="254" actId="20577"/>
        <pc:sldMkLst>
          <pc:docMk/>
          <pc:sldMk cId="144996237" sldId="278"/>
        </pc:sldMkLst>
        <pc:spChg chg="mod">
          <ac:chgData name="PedsOrtho Research" userId="HaxE9Ny2cPVsAIoXvOldp8LzbvclCF2aOb+hxye+xpA=" providerId="None" clId="Web-{0581C5ED-2A29-423A-869E-D7FA90C0E67A}" dt="2022-03-10T21:24:08.965" v="241" actId="14100"/>
          <ac:spMkLst>
            <pc:docMk/>
            <pc:sldMk cId="144996237" sldId="278"/>
            <ac:spMk id="3" creationId="{85CC8F06-CCC9-7B42-B341-571DCF4151C3}"/>
          </ac:spMkLst>
        </pc:spChg>
        <pc:spChg chg="mod">
          <ac:chgData name="PedsOrtho Research" userId="HaxE9Ny2cPVsAIoXvOldp8LzbvclCF2aOb+hxye+xpA=" providerId="None" clId="Web-{0581C5ED-2A29-423A-869E-D7FA90C0E67A}" dt="2022-03-10T21:24:56.560" v="254" actId="20577"/>
          <ac:spMkLst>
            <pc:docMk/>
            <pc:sldMk cId="144996237" sldId="278"/>
            <ac:spMk id="5" creationId="{12409A53-AA9E-AA4F-886B-7947C01A42B6}"/>
          </ac:spMkLst>
        </pc:spChg>
        <pc:picChg chg="del">
          <ac:chgData name="PedsOrtho Research" userId="HaxE9Ny2cPVsAIoXvOldp8LzbvclCF2aOb+hxye+xpA=" providerId="None" clId="Web-{0581C5ED-2A29-423A-869E-D7FA90C0E67A}" dt="2022-03-10T21:23:28.698" v="227"/>
          <ac:picMkLst>
            <pc:docMk/>
            <pc:sldMk cId="144996237" sldId="278"/>
            <ac:picMk id="4" creationId="{EC5E3819-FF82-4DA9-8203-B33EDD1A0916}"/>
          </ac:picMkLst>
        </pc:picChg>
        <pc:picChg chg="add mod">
          <ac:chgData name="PedsOrtho Research" userId="HaxE9Ny2cPVsAIoXvOldp8LzbvclCF2aOb+hxye+xpA=" providerId="None" clId="Web-{0581C5ED-2A29-423A-869E-D7FA90C0E67A}" dt="2022-03-10T21:24:00.371" v="239" actId="14100"/>
          <ac:picMkLst>
            <pc:docMk/>
            <pc:sldMk cId="144996237" sldId="278"/>
            <ac:picMk id="7" creationId="{18614013-B979-4D34-97A4-370A9C0FD89E}"/>
          </ac:picMkLst>
        </pc:picChg>
        <pc:picChg chg="add mod">
          <ac:chgData name="PedsOrtho Research" userId="HaxE9Ny2cPVsAIoXvOldp8LzbvclCF2aOb+hxye+xpA=" providerId="None" clId="Web-{0581C5ED-2A29-423A-869E-D7FA90C0E67A}" dt="2022-03-10T21:24:03.027" v="240" actId="1076"/>
          <ac:picMkLst>
            <pc:docMk/>
            <pc:sldMk cId="144996237" sldId="278"/>
            <ac:picMk id="9" creationId="{DE813F6A-AC8C-425A-A3B2-B9837B737B3D}"/>
          </ac:picMkLst>
        </pc:picChg>
      </pc:sldChg>
      <pc:sldChg chg="modSp">
        <pc:chgData name="PedsOrtho Research" userId="HaxE9Ny2cPVsAIoXvOldp8LzbvclCF2aOb+hxye+xpA=" providerId="None" clId="Web-{0581C5ED-2A29-423A-869E-D7FA90C0E67A}" dt="2022-03-10T21:25:00.482" v="255" actId="20577"/>
        <pc:sldMkLst>
          <pc:docMk/>
          <pc:sldMk cId="1466560415" sldId="279"/>
        </pc:sldMkLst>
        <pc:spChg chg="mod">
          <ac:chgData name="PedsOrtho Research" userId="HaxE9Ny2cPVsAIoXvOldp8LzbvclCF2aOb+hxye+xpA=" providerId="None" clId="Web-{0581C5ED-2A29-423A-869E-D7FA90C0E67A}" dt="2022-03-10T21:24:22.652" v="248" actId="20577"/>
          <ac:spMkLst>
            <pc:docMk/>
            <pc:sldMk cId="1466560415" sldId="279"/>
            <ac:spMk id="3" creationId="{85CC8F06-CCC9-7B42-B341-571DCF4151C3}"/>
          </ac:spMkLst>
        </pc:spChg>
        <pc:spChg chg="mod">
          <ac:chgData name="PedsOrtho Research" userId="HaxE9Ny2cPVsAIoXvOldp8LzbvclCF2aOb+hxye+xpA=" providerId="None" clId="Web-{0581C5ED-2A29-423A-869E-D7FA90C0E67A}" dt="2022-03-10T21:25:00.482" v="255" actId="20577"/>
          <ac:spMkLst>
            <pc:docMk/>
            <pc:sldMk cId="1466560415" sldId="279"/>
            <ac:spMk id="5" creationId="{12409A53-AA9E-AA4F-886B-7947C01A42B6}"/>
          </ac:spMkLst>
        </pc:spChg>
      </pc:sldChg>
      <pc:sldChg chg="modSp add replId">
        <pc:chgData name="PedsOrtho Research" userId="HaxE9Ny2cPVsAIoXvOldp8LzbvclCF2aOb+hxye+xpA=" providerId="None" clId="Web-{0581C5ED-2A29-423A-869E-D7FA90C0E67A}" dt="2022-03-10T21:24:46.200" v="250" actId="20577"/>
        <pc:sldMkLst>
          <pc:docMk/>
          <pc:sldMk cId="4143892046" sldId="281"/>
        </pc:sldMkLst>
        <pc:spChg chg="mod">
          <ac:chgData name="PedsOrtho Research" userId="HaxE9Ny2cPVsAIoXvOldp8LzbvclCF2aOb+hxye+xpA=" providerId="None" clId="Web-{0581C5ED-2A29-423A-869E-D7FA90C0E67A}" dt="2022-03-10T21:19:19.675" v="111" actId="20577"/>
          <ac:spMkLst>
            <pc:docMk/>
            <pc:sldMk cId="4143892046" sldId="281"/>
            <ac:spMk id="3" creationId="{85CC8F06-CCC9-7B42-B341-571DCF4151C3}"/>
          </ac:spMkLst>
        </pc:spChg>
        <pc:spChg chg="mod">
          <ac:chgData name="PedsOrtho Research" userId="HaxE9Ny2cPVsAIoXvOldp8LzbvclCF2aOb+hxye+xpA=" providerId="None" clId="Web-{0581C5ED-2A29-423A-869E-D7FA90C0E67A}" dt="2022-03-10T21:24:46.200" v="250" actId="20577"/>
          <ac:spMkLst>
            <pc:docMk/>
            <pc:sldMk cId="4143892046" sldId="281"/>
            <ac:spMk id="5" creationId="{12409A53-AA9E-AA4F-886B-7947C01A42B6}"/>
          </ac:spMkLst>
        </pc:spChg>
      </pc:sldChg>
    </pc:docChg>
  </pc:docChgLst>
  <pc:docChgLst>
    <pc:chgData name="PedsOrtho Research" userId="HaxE9Ny2cPVsAIoXvOldp8LzbvclCF2aOb+hxye+xpA=" providerId="None" clId="Web-{B3D759D9-630B-4125-911C-38EF127FF6ED}"/>
    <pc:docChg chg="delSld modSld">
      <pc:chgData name="PedsOrtho Research" userId="HaxE9Ny2cPVsAIoXvOldp8LzbvclCF2aOb+hxye+xpA=" providerId="None" clId="Web-{B3D759D9-630B-4125-911C-38EF127FF6ED}" dt="2022-03-10T16:51:45.889" v="184" actId="1076"/>
      <pc:docMkLst>
        <pc:docMk/>
      </pc:docMkLst>
      <pc:sldChg chg="del">
        <pc:chgData name="PedsOrtho Research" userId="HaxE9Ny2cPVsAIoXvOldp8LzbvclCF2aOb+hxye+xpA=" providerId="None" clId="Web-{B3D759D9-630B-4125-911C-38EF127FF6ED}" dt="2022-03-10T16:45:27.673" v="72"/>
        <pc:sldMkLst>
          <pc:docMk/>
          <pc:sldMk cId="4119276023" sldId="262"/>
        </pc:sldMkLst>
      </pc:sldChg>
      <pc:sldChg chg="del">
        <pc:chgData name="PedsOrtho Research" userId="HaxE9Ny2cPVsAIoXvOldp8LzbvclCF2aOb+hxye+xpA=" providerId="None" clId="Web-{B3D759D9-630B-4125-911C-38EF127FF6ED}" dt="2022-03-10T16:45:28.719" v="74"/>
        <pc:sldMkLst>
          <pc:docMk/>
          <pc:sldMk cId="1596616533" sldId="263"/>
        </pc:sldMkLst>
      </pc:sldChg>
      <pc:sldChg chg="del">
        <pc:chgData name="PedsOrtho Research" userId="HaxE9Ny2cPVsAIoXvOldp8LzbvclCF2aOb+hxye+xpA=" providerId="None" clId="Web-{B3D759D9-630B-4125-911C-38EF127FF6ED}" dt="2022-03-10T16:45:22.391" v="71"/>
        <pc:sldMkLst>
          <pc:docMk/>
          <pc:sldMk cId="1220328574" sldId="265"/>
        </pc:sldMkLst>
      </pc:sldChg>
      <pc:sldChg chg="del">
        <pc:chgData name="PedsOrtho Research" userId="HaxE9Ny2cPVsAIoXvOldp8LzbvclCF2aOb+hxye+xpA=" providerId="None" clId="Web-{B3D759D9-630B-4125-911C-38EF127FF6ED}" dt="2022-03-10T16:45:28.235" v="73"/>
        <pc:sldMkLst>
          <pc:docMk/>
          <pc:sldMk cId="4106398310" sldId="266"/>
        </pc:sldMkLst>
      </pc:sldChg>
      <pc:sldChg chg="addSp delSp modSp">
        <pc:chgData name="PedsOrtho Research" userId="HaxE9Ny2cPVsAIoXvOldp8LzbvclCF2aOb+hxye+xpA=" providerId="None" clId="Web-{B3D759D9-630B-4125-911C-38EF127FF6ED}" dt="2022-03-10T16:45:16.313" v="69" actId="14100"/>
        <pc:sldMkLst>
          <pc:docMk/>
          <pc:sldMk cId="3277268862" sldId="267"/>
        </pc:sldMkLst>
        <pc:spChg chg="mod">
          <ac:chgData name="PedsOrtho Research" userId="HaxE9Ny2cPVsAIoXvOldp8LzbvclCF2aOb+hxye+xpA=" providerId="None" clId="Web-{B3D759D9-630B-4125-911C-38EF127FF6ED}" dt="2022-03-10T16:44:03.873" v="38" actId="20577"/>
          <ac:spMkLst>
            <pc:docMk/>
            <pc:sldMk cId="3277268862" sldId="267"/>
            <ac:spMk id="2" creationId="{644787D2-57FF-D345-B6CF-782465B5B71B}"/>
          </ac:spMkLst>
        </pc:spChg>
        <pc:spChg chg="mod">
          <ac:chgData name="PedsOrtho Research" userId="HaxE9Ny2cPVsAIoXvOldp8LzbvclCF2aOb+hxye+xpA=" providerId="None" clId="Web-{B3D759D9-630B-4125-911C-38EF127FF6ED}" dt="2022-03-10T16:45:16.313" v="69" actId="14100"/>
          <ac:spMkLst>
            <pc:docMk/>
            <pc:sldMk cId="3277268862" sldId="267"/>
            <ac:spMk id="3" creationId="{18960019-5024-1443-BF49-A70D15A4A5DA}"/>
          </ac:spMkLst>
        </pc:spChg>
        <pc:picChg chg="add del mod">
          <ac:chgData name="PedsOrtho Research" userId="HaxE9Ny2cPVsAIoXvOldp8LzbvclCF2aOb+hxye+xpA=" providerId="None" clId="Web-{B3D759D9-630B-4125-911C-38EF127FF6ED}" dt="2022-03-10T16:45:10.734" v="68"/>
          <ac:picMkLst>
            <pc:docMk/>
            <pc:sldMk cId="3277268862" sldId="267"/>
            <ac:picMk id="4" creationId="{5F984183-4ECC-46E3-A9A4-22B605437CB2}"/>
          </ac:picMkLst>
        </pc:picChg>
      </pc:sldChg>
      <pc:sldChg chg="addSp delSp modSp">
        <pc:chgData name="PedsOrtho Research" userId="HaxE9Ny2cPVsAIoXvOldp8LzbvclCF2aOb+hxye+xpA=" providerId="None" clId="Web-{B3D759D9-630B-4125-911C-38EF127FF6ED}" dt="2022-03-10T16:51:45.889" v="184" actId="1076"/>
        <pc:sldMkLst>
          <pc:docMk/>
          <pc:sldMk cId="1349437253" sldId="268"/>
        </pc:sldMkLst>
        <pc:spChg chg="mod">
          <ac:chgData name="PedsOrtho Research" userId="HaxE9Ny2cPVsAIoXvOldp8LzbvclCF2aOb+hxye+xpA=" providerId="None" clId="Web-{B3D759D9-630B-4125-911C-38EF127FF6ED}" dt="2022-03-10T16:45:51.658" v="78" actId="20577"/>
          <ac:spMkLst>
            <pc:docMk/>
            <pc:sldMk cId="1349437253" sldId="268"/>
            <ac:spMk id="2" creationId="{9E3D7053-8A5C-7147-80A6-36B5F7E8710A}"/>
          </ac:spMkLst>
        </pc:spChg>
        <pc:spChg chg="mod">
          <ac:chgData name="PedsOrtho Research" userId="HaxE9Ny2cPVsAIoXvOldp8LzbvclCF2aOb+hxye+xpA=" providerId="None" clId="Web-{B3D759D9-630B-4125-911C-38EF127FF6ED}" dt="2022-03-10T16:48:50.602" v="161" actId="20577"/>
          <ac:spMkLst>
            <pc:docMk/>
            <pc:sldMk cId="1349437253" sldId="268"/>
            <ac:spMk id="3" creationId="{85CC8F06-CCC9-7B42-B341-571DCF4151C3}"/>
          </ac:spMkLst>
        </pc:spChg>
        <pc:spChg chg="del">
          <ac:chgData name="PedsOrtho Research" userId="HaxE9Ny2cPVsAIoXvOldp8LzbvclCF2aOb+hxye+xpA=" providerId="None" clId="Web-{B3D759D9-630B-4125-911C-38EF127FF6ED}" dt="2022-03-10T16:49:37.635" v="168"/>
          <ac:spMkLst>
            <pc:docMk/>
            <pc:sldMk cId="1349437253" sldId="268"/>
            <ac:spMk id="4" creationId="{1CA5E04C-9E64-1842-8B0D-A6790032B9FD}"/>
          </ac:spMkLst>
        </pc:spChg>
        <pc:spChg chg="add del mod">
          <ac:chgData name="PedsOrtho Research" userId="HaxE9Ny2cPVsAIoXvOldp8LzbvclCF2aOb+hxye+xpA=" providerId="None" clId="Web-{B3D759D9-630B-4125-911C-38EF127FF6ED}" dt="2022-03-10T16:49:53.026" v="173" actId="20577"/>
          <ac:spMkLst>
            <pc:docMk/>
            <pc:sldMk cId="1349437253" sldId="268"/>
            <ac:spMk id="5" creationId="{12409A53-AA9E-AA4F-886B-7947C01A42B6}"/>
          </ac:spMkLst>
        </pc:spChg>
        <pc:spChg chg="add del">
          <ac:chgData name="PedsOrtho Research" userId="HaxE9Ny2cPVsAIoXvOldp8LzbvclCF2aOb+hxye+xpA=" providerId="None" clId="Web-{B3D759D9-630B-4125-911C-38EF127FF6ED}" dt="2022-03-10T16:49:55.651" v="174"/>
          <ac:spMkLst>
            <pc:docMk/>
            <pc:sldMk cId="1349437253" sldId="268"/>
            <ac:spMk id="7" creationId="{54750795-0463-4D97-9F51-B60DE10F5285}"/>
          </ac:spMkLst>
        </pc:spChg>
        <pc:picChg chg="add mod">
          <ac:chgData name="PedsOrtho Research" userId="HaxE9Ny2cPVsAIoXvOldp8LzbvclCF2aOb+hxye+xpA=" providerId="None" clId="Web-{B3D759D9-630B-4125-911C-38EF127FF6ED}" dt="2022-03-10T16:49:28.369" v="167" actId="14100"/>
          <ac:picMkLst>
            <pc:docMk/>
            <pc:sldMk cId="1349437253" sldId="268"/>
            <ac:picMk id="6" creationId="{E5E5EF28-2CC3-498D-98F8-5DA369DE2683}"/>
          </ac:picMkLst>
        </pc:picChg>
        <pc:picChg chg="add mod modCrop">
          <ac:chgData name="PedsOrtho Research" userId="HaxE9Ny2cPVsAIoXvOldp8LzbvclCF2aOb+hxye+xpA=" providerId="None" clId="Web-{B3D759D9-630B-4125-911C-38EF127FF6ED}" dt="2022-03-10T16:51:45.889" v="184" actId="1076"/>
          <ac:picMkLst>
            <pc:docMk/>
            <pc:sldMk cId="1349437253" sldId="268"/>
            <ac:picMk id="8" creationId="{753EAD4A-38D5-4873-BC5B-4641283229A9}"/>
          </ac:picMkLst>
        </pc:picChg>
      </pc:sldChg>
      <pc:sldChg chg="del">
        <pc:chgData name="PedsOrtho Research" userId="HaxE9Ny2cPVsAIoXvOldp8LzbvclCF2aOb+hxye+xpA=" providerId="None" clId="Web-{B3D759D9-630B-4125-911C-38EF127FF6ED}" dt="2022-03-10T16:45:35.376" v="75"/>
        <pc:sldMkLst>
          <pc:docMk/>
          <pc:sldMk cId="2390708262" sldId="269"/>
        </pc:sldMkLst>
      </pc:sldChg>
      <pc:sldChg chg="modSp del">
        <pc:chgData name="PedsOrtho Research" userId="HaxE9Ny2cPVsAIoXvOldp8LzbvclCF2aOb+hxye+xpA=" providerId="None" clId="Web-{B3D759D9-630B-4125-911C-38EF127FF6ED}" dt="2022-03-10T16:45:46.173" v="77"/>
        <pc:sldMkLst>
          <pc:docMk/>
          <pc:sldMk cId="3564306680" sldId="271"/>
        </pc:sldMkLst>
        <pc:spChg chg="mod">
          <ac:chgData name="PedsOrtho Research" userId="HaxE9Ny2cPVsAIoXvOldp8LzbvclCF2aOb+hxye+xpA=" providerId="None" clId="Web-{B3D759D9-630B-4125-911C-38EF127FF6ED}" dt="2022-03-10T16:45:42.329" v="76" actId="20577"/>
          <ac:spMkLst>
            <pc:docMk/>
            <pc:sldMk cId="3564306680" sldId="271"/>
            <ac:spMk id="2" creationId="{ECE7C749-02DC-4A42-A798-E8BD93189645}"/>
          </ac:spMkLst>
        </pc:spChg>
      </pc:sldChg>
      <pc:sldChg chg="del">
        <pc:chgData name="PedsOrtho Research" userId="HaxE9Ny2cPVsAIoXvOldp8LzbvclCF2aOb+hxye+xpA=" providerId="None" clId="Web-{B3D759D9-630B-4125-911C-38EF127FF6ED}" dt="2022-03-10T16:45:20.235" v="70"/>
        <pc:sldMkLst>
          <pc:docMk/>
          <pc:sldMk cId="3239731942" sldId="272"/>
        </pc:sldMkLst>
      </pc:sldChg>
    </pc:docChg>
  </pc:docChgLst>
  <pc:docChgLst>
    <pc:chgData name="PedsOrtho Research" userId="HaxE9Ny2cPVsAIoXvOldp8LzbvclCF2aOb+hxye+xpA=" providerId="None" clId="Web-{958E2CF4-DB9B-4393-8F72-8AC7FE37CF8A}"/>
    <pc:docChg chg="addSld delSld modSld sldOrd">
      <pc:chgData name="PedsOrtho Research" userId="HaxE9Ny2cPVsAIoXvOldp8LzbvclCF2aOb+hxye+xpA=" providerId="None" clId="Web-{958E2CF4-DB9B-4393-8F72-8AC7FE37CF8A}" dt="2022-03-16T14:42:11.803" v="1427" actId="20577"/>
      <pc:docMkLst>
        <pc:docMk/>
      </pc:docMkLst>
      <pc:sldChg chg="modSp">
        <pc:chgData name="PedsOrtho Research" userId="HaxE9Ny2cPVsAIoXvOldp8LzbvclCF2aOb+hxye+xpA=" providerId="None" clId="Web-{958E2CF4-DB9B-4393-8F72-8AC7FE37CF8A}" dt="2022-03-16T14:07:54.423" v="61" actId="20577"/>
        <pc:sldMkLst>
          <pc:docMk/>
          <pc:sldMk cId="3277268862" sldId="267"/>
        </pc:sldMkLst>
        <pc:spChg chg="mod">
          <ac:chgData name="PedsOrtho Research" userId="HaxE9Ny2cPVsAIoXvOldp8LzbvclCF2aOb+hxye+xpA=" providerId="None" clId="Web-{958E2CF4-DB9B-4393-8F72-8AC7FE37CF8A}" dt="2022-03-16T14:03:26.213" v="4" actId="20577"/>
          <ac:spMkLst>
            <pc:docMk/>
            <pc:sldMk cId="3277268862" sldId="267"/>
            <ac:spMk id="2" creationId="{644787D2-57FF-D345-B6CF-782465B5B71B}"/>
          </ac:spMkLst>
        </pc:spChg>
        <pc:spChg chg="mod">
          <ac:chgData name="PedsOrtho Research" userId="HaxE9Ny2cPVsAIoXvOldp8LzbvclCF2aOb+hxye+xpA=" providerId="None" clId="Web-{958E2CF4-DB9B-4393-8F72-8AC7FE37CF8A}" dt="2022-03-16T14:06:31.702" v="40" actId="20577"/>
          <ac:spMkLst>
            <pc:docMk/>
            <pc:sldMk cId="3277268862" sldId="267"/>
            <ac:spMk id="3" creationId="{18960019-5024-1443-BF49-A70D15A4A5DA}"/>
          </ac:spMkLst>
        </pc:spChg>
        <pc:spChg chg="mod">
          <ac:chgData name="PedsOrtho Research" userId="HaxE9Ny2cPVsAIoXvOldp8LzbvclCF2aOb+hxye+xpA=" providerId="None" clId="Web-{958E2CF4-DB9B-4393-8F72-8AC7FE37CF8A}" dt="2022-03-16T14:07:54.423" v="61" actId="20577"/>
          <ac:spMkLst>
            <pc:docMk/>
            <pc:sldMk cId="3277268862" sldId="267"/>
            <ac:spMk id="4" creationId="{A39A2942-A1BF-4A23-8514-FFEED69FE9CF}"/>
          </ac:spMkLst>
        </pc:spChg>
      </pc:sldChg>
      <pc:sldChg chg="modSp">
        <pc:chgData name="PedsOrtho Research" userId="HaxE9Ny2cPVsAIoXvOldp8LzbvclCF2aOb+hxye+xpA=" providerId="None" clId="Web-{958E2CF4-DB9B-4393-8F72-8AC7FE37CF8A}" dt="2022-03-16T14:16:05.576" v="287" actId="14100"/>
        <pc:sldMkLst>
          <pc:docMk/>
          <pc:sldMk cId="1349437253" sldId="268"/>
        </pc:sldMkLst>
        <pc:spChg chg="mod">
          <ac:chgData name="PedsOrtho Research" userId="HaxE9Ny2cPVsAIoXvOldp8LzbvclCF2aOb+hxye+xpA=" providerId="None" clId="Web-{958E2CF4-DB9B-4393-8F72-8AC7FE37CF8A}" dt="2022-03-16T14:16:05.576" v="287" actId="14100"/>
          <ac:spMkLst>
            <pc:docMk/>
            <pc:sldMk cId="1349437253" sldId="268"/>
            <ac:spMk id="3" creationId="{85CC8F06-CCC9-7B42-B341-571DCF4151C3}"/>
          </ac:spMkLst>
        </pc:spChg>
      </pc:sldChg>
      <pc:sldChg chg="addSp modSp">
        <pc:chgData name="PedsOrtho Research" userId="HaxE9Ny2cPVsAIoXvOldp8LzbvclCF2aOb+hxye+xpA=" providerId="None" clId="Web-{958E2CF4-DB9B-4393-8F72-8AC7FE37CF8A}" dt="2022-03-16T14:19:50.191" v="332" actId="20577"/>
        <pc:sldMkLst>
          <pc:docMk/>
          <pc:sldMk cId="1551128764" sldId="271"/>
        </pc:sldMkLst>
        <pc:spChg chg="mod">
          <ac:chgData name="PedsOrtho Research" userId="HaxE9Ny2cPVsAIoXvOldp8LzbvclCF2aOb+hxye+xpA=" providerId="None" clId="Web-{958E2CF4-DB9B-4393-8F72-8AC7FE37CF8A}" dt="2022-03-16T14:16:16.764" v="289" actId="20577"/>
          <ac:spMkLst>
            <pc:docMk/>
            <pc:sldMk cId="1551128764" sldId="271"/>
            <ac:spMk id="2" creationId="{9E3D7053-8A5C-7147-80A6-36B5F7E8710A}"/>
          </ac:spMkLst>
        </pc:spChg>
        <pc:spChg chg="mod">
          <ac:chgData name="PedsOrtho Research" userId="HaxE9Ny2cPVsAIoXvOldp8LzbvclCF2aOb+hxye+xpA=" providerId="None" clId="Web-{958E2CF4-DB9B-4393-8F72-8AC7FE37CF8A}" dt="2022-03-16T14:19:50.191" v="332" actId="20577"/>
          <ac:spMkLst>
            <pc:docMk/>
            <pc:sldMk cId="1551128764" sldId="271"/>
            <ac:spMk id="3" creationId="{85CC8F06-CCC9-7B42-B341-571DCF4151C3}"/>
          </ac:spMkLst>
        </pc:spChg>
        <pc:spChg chg="add mod">
          <ac:chgData name="PedsOrtho Research" userId="HaxE9Ny2cPVsAIoXvOldp8LzbvclCF2aOb+hxye+xpA=" providerId="None" clId="Web-{958E2CF4-DB9B-4393-8F72-8AC7FE37CF8A}" dt="2022-03-16T14:17:16" v="304" actId="14100"/>
          <ac:spMkLst>
            <pc:docMk/>
            <pc:sldMk cId="1551128764" sldId="271"/>
            <ac:spMk id="9" creationId="{A828F3DE-F7AA-4EED-BF1A-BD56D1171ADA}"/>
          </ac:spMkLst>
        </pc:spChg>
        <pc:picChg chg="add mod">
          <ac:chgData name="PedsOrtho Research" userId="HaxE9Ny2cPVsAIoXvOldp8LzbvclCF2aOb+hxye+xpA=" providerId="None" clId="Web-{958E2CF4-DB9B-4393-8F72-8AC7FE37CF8A}" dt="2022-03-16T14:16:57.890" v="301" actId="1076"/>
          <ac:picMkLst>
            <pc:docMk/>
            <pc:sldMk cId="1551128764" sldId="271"/>
            <ac:picMk id="7" creationId="{14E152DA-B961-4868-A492-373863934B2A}"/>
          </ac:picMkLst>
        </pc:picChg>
        <pc:picChg chg="add mod">
          <ac:chgData name="PedsOrtho Research" userId="HaxE9Ny2cPVsAIoXvOldp8LzbvclCF2aOb+hxye+xpA=" providerId="None" clId="Web-{958E2CF4-DB9B-4393-8F72-8AC7FE37CF8A}" dt="2022-03-16T14:17:00.453" v="302" actId="1076"/>
          <ac:picMkLst>
            <pc:docMk/>
            <pc:sldMk cId="1551128764" sldId="271"/>
            <ac:picMk id="8" creationId="{B05CB7A4-3B7B-4E2D-B3F3-DC4021688D9E}"/>
          </ac:picMkLst>
        </pc:picChg>
      </pc:sldChg>
      <pc:sldChg chg="delSp modSp">
        <pc:chgData name="PedsOrtho Research" userId="HaxE9Ny2cPVsAIoXvOldp8LzbvclCF2aOb+hxye+xpA=" providerId="None" clId="Web-{958E2CF4-DB9B-4393-8F72-8AC7FE37CF8A}" dt="2022-03-16T14:20:14.801" v="342" actId="20577"/>
        <pc:sldMkLst>
          <pc:docMk/>
          <pc:sldMk cId="130553064" sldId="272"/>
        </pc:sldMkLst>
        <pc:spChg chg="mod">
          <ac:chgData name="PedsOrtho Research" userId="HaxE9Ny2cPVsAIoXvOldp8LzbvclCF2aOb+hxye+xpA=" providerId="None" clId="Web-{958E2CF4-DB9B-4393-8F72-8AC7FE37CF8A}" dt="2022-03-16T14:17:45.672" v="313" actId="20577"/>
          <ac:spMkLst>
            <pc:docMk/>
            <pc:sldMk cId="130553064" sldId="272"/>
            <ac:spMk id="2" creationId="{9E3D7053-8A5C-7147-80A6-36B5F7E8710A}"/>
          </ac:spMkLst>
        </pc:spChg>
        <pc:spChg chg="mod">
          <ac:chgData name="PedsOrtho Research" userId="HaxE9Ny2cPVsAIoXvOldp8LzbvclCF2aOb+hxye+xpA=" providerId="None" clId="Web-{958E2CF4-DB9B-4393-8F72-8AC7FE37CF8A}" dt="2022-03-16T14:20:14.801" v="342" actId="20577"/>
          <ac:spMkLst>
            <pc:docMk/>
            <pc:sldMk cId="130553064" sldId="272"/>
            <ac:spMk id="3" creationId="{85CC8F06-CCC9-7B42-B341-571DCF4151C3}"/>
          </ac:spMkLst>
        </pc:spChg>
        <pc:picChg chg="del">
          <ac:chgData name="PedsOrtho Research" userId="HaxE9Ny2cPVsAIoXvOldp8LzbvclCF2aOb+hxye+xpA=" providerId="None" clId="Web-{958E2CF4-DB9B-4393-8F72-8AC7FE37CF8A}" dt="2022-03-16T14:17:55.485" v="316"/>
          <ac:picMkLst>
            <pc:docMk/>
            <pc:sldMk cId="130553064" sldId="272"/>
            <ac:picMk id="9" creationId="{5073E523-9DDC-4BB4-856E-8E0847671F92}"/>
          </ac:picMkLst>
        </pc:picChg>
      </pc:sldChg>
      <pc:sldChg chg="delSp modSp">
        <pc:chgData name="PedsOrtho Research" userId="HaxE9Ny2cPVsAIoXvOldp8LzbvclCF2aOb+hxye+xpA=" providerId="None" clId="Web-{958E2CF4-DB9B-4393-8F72-8AC7FE37CF8A}" dt="2022-03-16T14:22:50.555" v="405" actId="20577"/>
        <pc:sldMkLst>
          <pc:docMk/>
          <pc:sldMk cId="2847953062" sldId="276"/>
        </pc:sldMkLst>
        <pc:spChg chg="mod">
          <ac:chgData name="PedsOrtho Research" userId="HaxE9Ny2cPVsAIoXvOldp8LzbvclCF2aOb+hxye+xpA=" providerId="None" clId="Web-{958E2CF4-DB9B-4393-8F72-8AC7FE37CF8A}" dt="2022-03-16T14:20:28.692" v="346" actId="20577"/>
          <ac:spMkLst>
            <pc:docMk/>
            <pc:sldMk cId="2847953062" sldId="276"/>
            <ac:spMk id="2" creationId="{9E3D7053-8A5C-7147-80A6-36B5F7E8710A}"/>
          </ac:spMkLst>
        </pc:spChg>
        <pc:spChg chg="mod">
          <ac:chgData name="PedsOrtho Research" userId="HaxE9Ny2cPVsAIoXvOldp8LzbvclCF2aOb+hxye+xpA=" providerId="None" clId="Web-{958E2CF4-DB9B-4393-8F72-8AC7FE37CF8A}" dt="2022-03-16T14:22:50.555" v="405" actId="20577"/>
          <ac:spMkLst>
            <pc:docMk/>
            <pc:sldMk cId="2847953062" sldId="276"/>
            <ac:spMk id="9" creationId="{2A149026-569C-4F4F-B9A1-1B50E82E083A}"/>
          </ac:spMkLst>
        </pc:spChg>
        <pc:picChg chg="del">
          <ac:chgData name="PedsOrtho Research" userId="HaxE9Ny2cPVsAIoXvOldp8LzbvclCF2aOb+hxye+xpA=" providerId="None" clId="Web-{958E2CF4-DB9B-4393-8F72-8AC7FE37CF8A}" dt="2022-03-16T14:20:33.302" v="351"/>
          <ac:picMkLst>
            <pc:docMk/>
            <pc:sldMk cId="2847953062" sldId="276"/>
            <ac:picMk id="8" creationId="{E8786F6F-E461-459A-8F99-EF848631E1BB}"/>
          </ac:picMkLst>
        </pc:picChg>
        <pc:picChg chg="del">
          <ac:chgData name="PedsOrtho Research" userId="HaxE9Ny2cPVsAIoXvOldp8LzbvclCF2aOb+hxye+xpA=" providerId="None" clId="Web-{958E2CF4-DB9B-4393-8F72-8AC7FE37CF8A}" dt="2022-03-16T14:20:33.302" v="350"/>
          <ac:picMkLst>
            <pc:docMk/>
            <pc:sldMk cId="2847953062" sldId="276"/>
            <ac:picMk id="10" creationId="{FBE800B8-0455-439A-8369-5FC7C7543C8E}"/>
          </ac:picMkLst>
        </pc:picChg>
        <pc:picChg chg="del">
          <ac:chgData name="PedsOrtho Research" userId="HaxE9Ny2cPVsAIoXvOldp8LzbvclCF2aOb+hxye+xpA=" providerId="None" clId="Web-{958E2CF4-DB9B-4393-8F72-8AC7FE37CF8A}" dt="2022-03-16T14:20:33.302" v="349"/>
          <ac:picMkLst>
            <pc:docMk/>
            <pc:sldMk cId="2847953062" sldId="276"/>
            <ac:picMk id="11" creationId="{B84B563A-A5EA-4DA0-9F09-FA7C13380462}"/>
          </ac:picMkLst>
        </pc:picChg>
        <pc:picChg chg="del">
          <ac:chgData name="PedsOrtho Research" userId="HaxE9Ny2cPVsAIoXvOldp8LzbvclCF2aOb+hxye+xpA=" providerId="None" clId="Web-{958E2CF4-DB9B-4393-8F72-8AC7FE37CF8A}" dt="2022-03-16T14:20:33.302" v="348"/>
          <ac:picMkLst>
            <pc:docMk/>
            <pc:sldMk cId="2847953062" sldId="276"/>
            <ac:picMk id="12" creationId="{E889F467-9162-4DA1-8FF0-DE9F34C9383D}"/>
          </ac:picMkLst>
        </pc:picChg>
        <pc:picChg chg="del">
          <ac:chgData name="PedsOrtho Research" userId="HaxE9Ny2cPVsAIoXvOldp8LzbvclCF2aOb+hxye+xpA=" providerId="None" clId="Web-{958E2CF4-DB9B-4393-8F72-8AC7FE37CF8A}" dt="2022-03-16T14:20:33.302" v="347"/>
          <ac:picMkLst>
            <pc:docMk/>
            <pc:sldMk cId="2847953062" sldId="276"/>
            <ac:picMk id="13" creationId="{3C42B702-0FC2-49DF-8D9B-5B0ED270F80D}"/>
          </ac:picMkLst>
        </pc:picChg>
      </pc:sldChg>
      <pc:sldChg chg="addSp modSp">
        <pc:chgData name="PedsOrtho Research" userId="HaxE9Ny2cPVsAIoXvOldp8LzbvclCF2aOb+hxye+xpA=" providerId="None" clId="Web-{958E2CF4-DB9B-4393-8F72-8AC7FE37CF8A}" dt="2022-03-16T14:29:57.316" v="785"/>
        <pc:sldMkLst>
          <pc:docMk/>
          <pc:sldMk cId="577599240" sldId="277"/>
        </pc:sldMkLst>
        <pc:spChg chg="mod">
          <ac:chgData name="PedsOrtho Research" userId="HaxE9Ny2cPVsAIoXvOldp8LzbvclCF2aOb+hxye+xpA=" providerId="None" clId="Web-{958E2CF4-DB9B-4393-8F72-8AC7FE37CF8A}" dt="2022-03-16T14:26:20.811" v="515" actId="20577"/>
          <ac:spMkLst>
            <pc:docMk/>
            <pc:sldMk cId="577599240" sldId="277"/>
            <ac:spMk id="2" creationId="{9E3D7053-8A5C-7147-80A6-36B5F7E8710A}"/>
          </ac:spMkLst>
        </pc:spChg>
        <pc:spChg chg="mod">
          <ac:chgData name="PedsOrtho Research" userId="HaxE9Ny2cPVsAIoXvOldp8LzbvclCF2aOb+hxye+xpA=" providerId="None" clId="Web-{958E2CF4-DB9B-4393-8F72-8AC7FE37CF8A}" dt="2022-03-16T14:27:44.188" v="557" actId="14100"/>
          <ac:spMkLst>
            <pc:docMk/>
            <pc:sldMk cId="577599240" sldId="277"/>
            <ac:spMk id="3" creationId="{85CC8F06-CCC9-7B42-B341-571DCF4151C3}"/>
          </ac:spMkLst>
        </pc:spChg>
        <pc:graphicFrameChg chg="add mod modGraphic">
          <ac:chgData name="PedsOrtho Research" userId="HaxE9Ny2cPVsAIoXvOldp8LzbvclCF2aOb+hxye+xpA=" providerId="None" clId="Web-{958E2CF4-DB9B-4393-8F72-8AC7FE37CF8A}" dt="2022-03-16T14:29:57.316" v="785"/>
          <ac:graphicFrameMkLst>
            <pc:docMk/>
            <pc:sldMk cId="577599240" sldId="277"/>
            <ac:graphicFrameMk id="8" creationId="{E367EA4B-9468-4EFE-9B97-668E3C853FC8}"/>
          </ac:graphicFrameMkLst>
        </pc:graphicFrameChg>
      </pc:sldChg>
      <pc:sldChg chg="del">
        <pc:chgData name="PedsOrtho Research" userId="HaxE9Ny2cPVsAIoXvOldp8LzbvclCF2aOb+hxye+xpA=" providerId="None" clId="Web-{958E2CF4-DB9B-4393-8F72-8AC7FE37CF8A}" dt="2022-03-16T14:41:58.944" v="1422"/>
        <pc:sldMkLst>
          <pc:docMk/>
          <pc:sldMk cId="1466560415" sldId="279"/>
        </pc:sldMkLst>
      </pc:sldChg>
      <pc:sldChg chg="addSp delSp modSp">
        <pc:chgData name="PedsOrtho Research" userId="HaxE9Ny2cPVsAIoXvOldp8LzbvclCF2aOb+hxye+xpA=" providerId="None" clId="Web-{958E2CF4-DB9B-4393-8F72-8AC7FE37CF8A}" dt="2022-03-16T14:27:04.062" v="532" actId="20577"/>
        <pc:sldMkLst>
          <pc:docMk/>
          <pc:sldMk cId="632903946" sldId="282"/>
        </pc:sldMkLst>
        <pc:spChg chg="mod">
          <ac:chgData name="PedsOrtho Research" userId="HaxE9Ny2cPVsAIoXvOldp8LzbvclCF2aOb+hxye+xpA=" providerId="None" clId="Web-{958E2CF4-DB9B-4393-8F72-8AC7FE37CF8A}" dt="2022-03-16T14:23:10.821" v="413" actId="20577"/>
          <ac:spMkLst>
            <pc:docMk/>
            <pc:sldMk cId="632903946" sldId="282"/>
            <ac:spMk id="2" creationId="{9E3D7053-8A5C-7147-80A6-36B5F7E8710A}"/>
          </ac:spMkLst>
        </pc:spChg>
        <pc:spChg chg="del mod">
          <ac:chgData name="PedsOrtho Research" userId="HaxE9Ny2cPVsAIoXvOldp8LzbvclCF2aOb+hxye+xpA=" providerId="None" clId="Web-{958E2CF4-DB9B-4393-8F72-8AC7FE37CF8A}" dt="2022-03-16T14:24:40.683" v="469"/>
          <ac:spMkLst>
            <pc:docMk/>
            <pc:sldMk cId="632903946" sldId="282"/>
            <ac:spMk id="7" creationId="{94716254-BED4-4DA0-B811-E93484312E1D}"/>
          </ac:spMkLst>
        </pc:spChg>
        <pc:spChg chg="add mod">
          <ac:chgData name="PedsOrtho Research" userId="HaxE9Ny2cPVsAIoXvOldp8LzbvclCF2aOb+hxye+xpA=" providerId="None" clId="Web-{958E2CF4-DB9B-4393-8F72-8AC7FE37CF8A}" dt="2022-03-16T14:27:04.062" v="532" actId="20577"/>
          <ac:spMkLst>
            <pc:docMk/>
            <pc:sldMk cId="632903946" sldId="282"/>
            <ac:spMk id="8" creationId="{546A4980-2342-48DE-9F01-FFA4D519C90B}"/>
          </ac:spMkLst>
        </pc:spChg>
        <pc:picChg chg="del">
          <ac:chgData name="PedsOrtho Research" userId="HaxE9Ny2cPVsAIoXvOldp8LzbvclCF2aOb+hxye+xpA=" providerId="None" clId="Web-{958E2CF4-DB9B-4393-8F72-8AC7FE37CF8A}" dt="2022-03-16T14:25:45.232" v="506"/>
          <ac:picMkLst>
            <pc:docMk/>
            <pc:sldMk cId="632903946" sldId="282"/>
            <ac:picMk id="9" creationId="{6227C5E2-1847-40F4-91BC-0CE0E0B6E23C}"/>
          </ac:picMkLst>
        </pc:picChg>
        <pc:picChg chg="add mod">
          <ac:chgData name="PedsOrtho Research" userId="HaxE9Ny2cPVsAIoXvOldp8LzbvclCF2aOb+hxye+xpA=" providerId="None" clId="Web-{958E2CF4-DB9B-4393-8F72-8AC7FE37CF8A}" dt="2022-03-16T14:26:04.263" v="512" actId="1076"/>
          <ac:picMkLst>
            <pc:docMk/>
            <pc:sldMk cId="632903946" sldId="282"/>
            <ac:picMk id="11" creationId="{C4EA3C11-E75B-4F96-BD80-DDDA5E8756A2}"/>
          </ac:picMkLst>
        </pc:picChg>
      </pc:sldChg>
      <pc:sldChg chg="addSp delSp modSp add replId">
        <pc:chgData name="PedsOrtho Research" userId="HaxE9Ny2cPVsAIoXvOldp8LzbvclCF2aOb+hxye+xpA=" providerId="None" clId="Web-{958E2CF4-DB9B-4393-8F72-8AC7FE37CF8A}" dt="2022-03-16T14:31:36.897" v="815" actId="14100"/>
        <pc:sldMkLst>
          <pc:docMk/>
          <pc:sldMk cId="1654660158" sldId="283"/>
        </pc:sldMkLst>
        <pc:spChg chg="mod">
          <ac:chgData name="PedsOrtho Research" userId="HaxE9Ny2cPVsAIoXvOldp8LzbvclCF2aOb+hxye+xpA=" providerId="None" clId="Web-{958E2CF4-DB9B-4393-8F72-8AC7FE37CF8A}" dt="2022-03-16T14:30:57.927" v="803" actId="1076"/>
          <ac:spMkLst>
            <pc:docMk/>
            <pc:sldMk cId="1654660158" sldId="283"/>
            <ac:spMk id="3" creationId="{85CC8F06-CCC9-7B42-B341-571DCF4151C3}"/>
          </ac:spMkLst>
        </pc:spChg>
        <pc:spChg chg="mod">
          <ac:chgData name="PedsOrtho Research" userId="HaxE9Ny2cPVsAIoXvOldp8LzbvclCF2aOb+hxye+xpA=" providerId="None" clId="Web-{958E2CF4-DB9B-4393-8F72-8AC7FE37CF8A}" dt="2022-03-16T14:30:18.332" v="788" actId="20577"/>
          <ac:spMkLst>
            <pc:docMk/>
            <pc:sldMk cId="1654660158" sldId="283"/>
            <ac:spMk id="5" creationId="{12409A53-AA9E-AA4F-886B-7947C01A42B6}"/>
          </ac:spMkLst>
        </pc:spChg>
        <pc:spChg chg="add mod">
          <ac:chgData name="PedsOrtho Research" userId="HaxE9Ny2cPVsAIoXvOldp8LzbvclCF2aOb+hxye+xpA=" providerId="None" clId="Web-{958E2CF4-DB9B-4393-8F72-8AC7FE37CF8A}" dt="2022-03-16T14:31:36.897" v="815" actId="14100"/>
          <ac:spMkLst>
            <pc:docMk/>
            <pc:sldMk cId="1654660158" sldId="283"/>
            <ac:spMk id="10" creationId="{B7985566-210C-484B-A1E4-649E7404FA57}"/>
          </ac:spMkLst>
        </pc:spChg>
        <pc:graphicFrameChg chg="del">
          <ac:chgData name="PedsOrtho Research" userId="HaxE9Ny2cPVsAIoXvOldp8LzbvclCF2aOb+hxye+xpA=" providerId="None" clId="Web-{958E2CF4-DB9B-4393-8F72-8AC7FE37CF8A}" dt="2022-03-16T14:30:22.364" v="789"/>
          <ac:graphicFrameMkLst>
            <pc:docMk/>
            <pc:sldMk cId="1654660158" sldId="283"/>
            <ac:graphicFrameMk id="8" creationId="{E367EA4B-9468-4EFE-9B97-668E3C853FC8}"/>
          </ac:graphicFrameMkLst>
        </pc:graphicFrameChg>
        <pc:graphicFrameChg chg="add mod">
          <ac:chgData name="PedsOrtho Research" userId="HaxE9Ny2cPVsAIoXvOldp8LzbvclCF2aOb+hxye+xpA=" providerId="None" clId="Web-{958E2CF4-DB9B-4393-8F72-8AC7FE37CF8A}" dt="2022-03-16T14:31:15.052" v="811" actId="1076"/>
          <ac:graphicFrameMkLst>
            <pc:docMk/>
            <pc:sldMk cId="1654660158" sldId="283"/>
            <ac:graphicFrameMk id="9" creationId="{B1930516-81AE-4F7E-BF2E-2BA2B4C7787C}"/>
          </ac:graphicFrameMkLst>
        </pc:graphicFrameChg>
      </pc:sldChg>
      <pc:sldChg chg="addSp delSp modSp add ord replId">
        <pc:chgData name="PedsOrtho Research" userId="HaxE9Ny2cPVsAIoXvOldp8LzbvclCF2aOb+hxye+xpA=" providerId="None" clId="Web-{958E2CF4-DB9B-4393-8F72-8AC7FE37CF8A}" dt="2022-03-16T14:34:58.605" v="1003" actId="20577"/>
        <pc:sldMkLst>
          <pc:docMk/>
          <pc:sldMk cId="1385532072" sldId="284"/>
        </pc:sldMkLst>
        <pc:spChg chg="mod">
          <ac:chgData name="PedsOrtho Research" userId="HaxE9Ny2cPVsAIoXvOldp8LzbvclCF2aOb+hxye+xpA=" providerId="None" clId="Web-{958E2CF4-DB9B-4393-8F72-8AC7FE37CF8A}" dt="2022-03-16T14:34:58.605" v="1003" actId="20577"/>
          <ac:spMkLst>
            <pc:docMk/>
            <pc:sldMk cId="1385532072" sldId="284"/>
            <ac:spMk id="2" creationId="{9E3D7053-8A5C-7147-80A6-36B5F7E8710A}"/>
          </ac:spMkLst>
        </pc:spChg>
        <pc:spChg chg="mod">
          <ac:chgData name="PedsOrtho Research" userId="HaxE9Ny2cPVsAIoXvOldp8LzbvclCF2aOb+hxye+xpA=" providerId="None" clId="Web-{958E2CF4-DB9B-4393-8F72-8AC7FE37CF8A}" dt="2022-03-16T14:33:17.040" v="856" actId="14100"/>
          <ac:spMkLst>
            <pc:docMk/>
            <pc:sldMk cId="1385532072" sldId="284"/>
            <ac:spMk id="3" creationId="{85CC8F06-CCC9-7B42-B341-571DCF4151C3}"/>
          </ac:spMkLst>
        </pc:spChg>
        <pc:spChg chg="mod">
          <ac:chgData name="PedsOrtho Research" userId="HaxE9Ny2cPVsAIoXvOldp8LzbvclCF2aOb+hxye+xpA=" providerId="None" clId="Web-{958E2CF4-DB9B-4393-8F72-8AC7FE37CF8A}" dt="2022-03-16T14:32:01.491" v="821" actId="20577"/>
          <ac:spMkLst>
            <pc:docMk/>
            <pc:sldMk cId="1385532072" sldId="284"/>
            <ac:spMk id="5" creationId="{12409A53-AA9E-AA4F-886B-7947C01A42B6}"/>
          </ac:spMkLst>
        </pc:spChg>
        <pc:graphicFrameChg chg="del">
          <ac:chgData name="PedsOrtho Research" userId="HaxE9Ny2cPVsAIoXvOldp8LzbvclCF2aOb+hxye+xpA=" providerId="None" clId="Web-{958E2CF4-DB9B-4393-8F72-8AC7FE37CF8A}" dt="2022-03-16T14:32:07.351" v="822"/>
          <ac:graphicFrameMkLst>
            <pc:docMk/>
            <pc:sldMk cId="1385532072" sldId="284"/>
            <ac:graphicFrameMk id="8" creationId="{E367EA4B-9468-4EFE-9B97-668E3C853FC8}"/>
          </ac:graphicFrameMkLst>
        </pc:graphicFrameChg>
        <pc:graphicFrameChg chg="add mod modGraphic">
          <ac:chgData name="PedsOrtho Research" userId="HaxE9Ny2cPVsAIoXvOldp8LzbvclCF2aOb+hxye+xpA=" providerId="None" clId="Web-{958E2CF4-DB9B-4393-8F72-8AC7FE37CF8A}" dt="2022-03-16T14:34:42.151" v="994"/>
          <ac:graphicFrameMkLst>
            <pc:docMk/>
            <pc:sldMk cId="1385532072" sldId="284"/>
            <ac:graphicFrameMk id="11" creationId="{4554DF3B-B933-43BA-92EB-40A43C10AD47}"/>
          </ac:graphicFrameMkLst>
        </pc:graphicFrameChg>
        <pc:picChg chg="add mod">
          <ac:chgData name="PedsOrtho Research" userId="HaxE9Ny2cPVsAIoXvOldp8LzbvclCF2aOb+hxye+xpA=" providerId="None" clId="Web-{958E2CF4-DB9B-4393-8F72-8AC7FE37CF8A}" dt="2022-03-16T14:33:05.508" v="853" actId="14100"/>
          <ac:picMkLst>
            <pc:docMk/>
            <pc:sldMk cId="1385532072" sldId="284"/>
            <ac:picMk id="7" creationId="{38924FA0-5DFD-4AF7-9A59-C6EEC31D9B89}"/>
          </ac:picMkLst>
        </pc:picChg>
        <pc:picChg chg="add mod">
          <ac:chgData name="PedsOrtho Research" userId="HaxE9Ny2cPVsAIoXvOldp8LzbvclCF2aOb+hxye+xpA=" providerId="None" clId="Web-{958E2CF4-DB9B-4393-8F72-8AC7FE37CF8A}" dt="2022-03-16T14:33:10.837" v="855" actId="14100"/>
          <ac:picMkLst>
            <pc:docMk/>
            <pc:sldMk cId="1385532072" sldId="284"/>
            <ac:picMk id="9" creationId="{F323583E-9FAB-4607-8F85-329E48D1579D}"/>
          </ac:picMkLst>
        </pc:picChg>
      </pc:sldChg>
      <pc:sldChg chg="add del replId">
        <pc:chgData name="PedsOrtho Research" userId="HaxE9Ny2cPVsAIoXvOldp8LzbvclCF2aOb+hxye+xpA=" providerId="None" clId="Web-{958E2CF4-DB9B-4393-8F72-8AC7FE37CF8A}" dt="2022-03-16T14:31:52.678" v="817"/>
        <pc:sldMkLst>
          <pc:docMk/>
          <pc:sldMk cId="3945772268" sldId="284"/>
        </pc:sldMkLst>
      </pc:sldChg>
      <pc:sldChg chg="addSp delSp modSp add replId">
        <pc:chgData name="PedsOrtho Research" userId="HaxE9Ny2cPVsAIoXvOldp8LzbvclCF2aOb+hxye+xpA=" providerId="None" clId="Web-{958E2CF4-DB9B-4393-8F72-8AC7FE37CF8A}" dt="2022-03-16T14:37:57.938" v="1197" actId="20577"/>
        <pc:sldMkLst>
          <pc:docMk/>
          <pc:sldMk cId="1023259997" sldId="285"/>
        </pc:sldMkLst>
        <pc:spChg chg="mod">
          <ac:chgData name="PedsOrtho Research" userId="HaxE9Ny2cPVsAIoXvOldp8LzbvclCF2aOb+hxye+xpA=" providerId="None" clId="Web-{958E2CF4-DB9B-4393-8F72-8AC7FE37CF8A}" dt="2022-03-16T14:35:05.839" v="1005" actId="20577"/>
          <ac:spMkLst>
            <pc:docMk/>
            <pc:sldMk cId="1023259997" sldId="285"/>
            <ac:spMk id="2" creationId="{9E3D7053-8A5C-7147-80A6-36B5F7E8710A}"/>
          </ac:spMkLst>
        </pc:spChg>
        <pc:spChg chg="mod">
          <ac:chgData name="PedsOrtho Research" userId="HaxE9Ny2cPVsAIoXvOldp8LzbvclCF2aOb+hxye+xpA=" providerId="None" clId="Web-{958E2CF4-DB9B-4393-8F72-8AC7FE37CF8A}" dt="2022-03-16T14:35:44.559" v="1030" actId="20577"/>
          <ac:spMkLst>
            <pc:docMk/>
            <pc:sldMk cId="1023259997" sldId="285"/>
            <ac:spMk id="3" creationId="{85CC8F06-CCC9-7B42-B341-571DCF4151C3}"/>
          </ac:spMkLst>
        </pc:spChg>
        <pc:spChg chg="mod">
          <ac:chgData name="PedsOrtho Research" userId="HaxE9Ny2cPVsAIoXvOldp8LzbvclCF2aOb+hxye+xpA=" providerId="None" clId="Web-{958E2CF4-DB9B-4393-8F72-8AC7FE37CF8A}" dt="2022-03-16T14:37:57.938" v="1197" actId="20577"/>
          <ac:spMkLst>
            <pc:docMk/>
            <pc:sldMk cId="1023259997" sldId="285"/>
            <ac:spMk id="5" creationId="{12409A53-AA9E-AA4F-886B-7947C01A42B6}"/>
          </ac:spMkLst>
        </pc:spChg>
        <pc:graphicFrameChg chg="del">
          <ac:chgData name="PedsOrtho Research" userId="HaxE9Ny2cPVsAIoXvOldp8LzbvclCF2aOb+hxye+xpA=" providerId="None" clId="Web-{958E2CF4-DB9B-4393-8F72-8AC7FE37CF8A}" dt="2022-03-16T14:36:14.982" v="1046"/>
          <ac:graphicFrameMkLst>
            <pc:docMk/>
            <pc:sldMk cId="1023259997" sldId="285"/>
            <ac:graphicFrameMk id="11" creationId="{4554DF3B-B933-43BA-92EB-40A43C10AD47}"/>
          </ac:graphicFrameMkLst>
        </pc:graphicFrameChg>
        <pc:graphicFrameChg chg="add mod modGraphic">
          <ac:chgData name="PedsOrtho Research" userId="HaxE9Ny2cPVsAIoXvOldp8LzbvclCF2aOb+hxye+xpA=" providerId="None" clId="Web-{958E2CF4-DB9B-4393-8F72-8AC7FE37CF8A}" dt="2022-03-16T14:37:38.203" v="1196"/>
          <ac:graphicFrameMkLst>
            <pc:docMk/>
            <pc:sldMk cId="1023259997" sldId="285"/>
            <ac:graphicFrameMk id="13" creationId="{7FB5D733-5E42-42CB-984A-54FB65023C8C}"/>
          </ac:graphicFrameMkLst>
        </pc:graphicFrameChg>
        <pc:picChg chg="del">
          <ac:chgData name="PedsOrtho Research" userId="HaxE9Ny2cPVsAIoXvOldp8LzbvclCF2aOb+hxye+xpA=" providerId="None" clId="Web-{958E2CF4-DB9B-4393-8F72-8AC7FE37CF8A}" dt="2022-03-16T14:35:46.544" v="1032"/>
          <ac:picMkLst>
            <pc:docMk/>
            <pc:sldMk cId="1023259997" sldId="285"/>
            <ac:picMk id="7" creationId="{38924FA0-5DFD-4AF7-9A59-C6EEC31D9B89}"/>
          </ac:picMkLst>
        </pc:picChg>
        <pc:picChg chg="add mod">
          <ac:chgData name="PedsOrtho Research" userId="HaxE9Ny2cPVsAIoXvOldp8LzbvclCF2aOb+hxye+xpA=" providerId="None" clId="Web-{958E2CF4-DB9B-4393-8F72-8AC7FE37CF8A}" dt="2022-03-16T14:36:10.732" v="1045" actId="1076"/>
          <ac:picMkLst>
            <pc:docMk/>
            <pc:sldMk cId="1023259997" sldId="285"/>
            <ac:picMk id="8" creationId="{A35724A6-ED4A-4E56-837B-D88086317257}"/>
          </ac:picMkLst>
        </pc:picChg>
        <pc:picChg chg="del">
          <ac:chgData name="PedsOrtho Research" userId="HaxE9Ny2cPVsAIoXvOldp8LzbvclCF2aOb+hxye+xpA=" providerId="None" clId="Web-{958E2CF4-DB9B-4393-8F72-8AC7FE37CF8A}" dt="2022-03-16T14:35:46.544" v="1031"/>
          <ac:picMkLst>
            <pc:docMk/>
            <pc:sldMk cId="1023259997" sldId="285"/>
            <ac:picMk id="9" creationId="{F323583E-9FAB-4607-8F85-329E48D1579D}"/>
          </ac:picMkLst>
        </pc:picChg>
        <pc:picChg chg="add mod">
          <ac:chgData name="PedsOrtho Research" userId="HaxE9Ny2cPVsAIoXvOldp8LzbvclCF2aOb+hxye+xpA=" providerId="None" clId="Web-{958E2CF4-DB9B-4393-8F72-8AC7FE37CF8A}" dt="2022-03-16T14:36:01.981" v="1041" actId="1076"/>
          <ac:picMkLst>
            <pc:docMk/>
            <pc:sldMk cId="1023259997" sldId="285"/>
            <ac:picMk id="10" creationId="{32E6CDEA-267B-42F8-B6D2-B41509A3691C}"/>
          </ac:picMkLst>
        </pc:picChg>
      </pc:sldChg>
      <pc:sldChg chg="addSp delSp modSp add replId">
        <pc:chgData name="PedsOrtho Research" userId="HaxE9Ny2cPVsAIoXvOldp8LzbvclCF2aOb+hxye+xpA=" providerId="None" clId="Web-{958E2CF4-DB9B-4393-8F72-8AC7FE37CF8A}" dt="2022-03-16T14:42:07.569" v="1425" actId="20577"/>
        <pc:sldMkLst>
          <pc:docMk/>
          <pc:sldMk cId="1978284172" sldId="286"/>
        </pc:sldMkLst>
        <pc:spChg chg="mod">
          <ac:chgData name="PedsOrtho Research" userId="HaxE9Ny2cPVsAIoXvOldp8LzbvclCF2aOb+hxye+xpA=" providerId="None" clId="Web-{958E2CF4-DB9B-4393-8F72-8AC7FE37CF8A}" dt="2022-03-16T14:38:09.766" v="1199" actId="20577"/>
          <ac:spMkLst>
            <pc:docMk/>
            <pc:sldMk cId="1978284172" sldId="286"/>
            <ac:spMk id="2" creationId="{9E3D7053-8A5C-7147-80A6-36B5F7E8710A}"/>
          </ac:spMkLst>
        </pc:spChg>
        <pc:spChg chg="mod">
          <ac:chgData name="PedsOrtho Research" userId="HaxE9Ny2cPVsAIoXvOldp8LzbvclCF2aOb+hxye+xpA=" providerId="None" clId="Web-{958E2CF4-DB9B-4393-8F72-8AC7FE37CF8A}" dt="2022-03-16T14:39:28.346" v="1342" actId="14100"/>
          <ac:spMkLst>
            <pc:docMk/>
            <pc:sldMk cId="1978284172" sldId="286"/>
            <ac:spMk id="3" creationId="{85CC8F06-CCC9-7B42-B341-571DCF4151C3}"/>
          </ac:spMkLst>
        </pc:spChg>
        <pc:spChg chg="mod">
          <ac:chgData name="PedsOrtho Research" userId="HaxE9Ny2cPVsAIoXvOldp8LzbvclCF2aOb+hxye+xpA=" providerId="None" clId="Web-{958E2CF4-DB9B-4393-8F72-8AC7FE37CF8A}" dt="2022-03-16T14:42:07.569" v="1425" actId="20577"/>
          <ac:spMkLst>
            <pc:docMk/>
            <pc:sldMk cId="1978284172" sldId="286"/>
            <ac:spMk id="5" creationId="{12409A53-AA9E-AA4F-886B-7947C01A42B6}"/>
          </ac:spMkLst>
        </pc:spChg>
        <pc:spChg chg="add del mod">
          <ac:chgData name="PedsOrtho Research" userId="HaxE9Ny2cPVsAIoXvOldp8LzbvclCF2aOb+hxye+xpA=" providerId="None" clId="Web-{958E2CF4-DB9B-4393-8F72-8AC7FE37CF8A}" dt="2022-03-16T14:39:02.408" v="1233"/>
          <ac:spMkLst>
            <pc:docMk/>
            <pc:sldMk cId="1978284172" sldId="286"/>
            <ac:spMk id="11" creationId="{31B8A93E-CDD9-454C-B199-AD97DE3443C2}"/>
          </ac:spMkLst>
        </pc:spChg>
        <pc:spChg chg="add mod">
          <ac:chgData name="PedsOrtho Research" userId="HaxE9Ny2cPVsAIoXvOldp8LzbvclCF2aOb+hxye+xpA=" providerId="None" clId="Web-{958E2CF4-DB9B-4393-8F72-8AC7FE37CF8A}" dt="2022-03-16T14:40:38.707" v="1391" actId="14100"/>
          <ac:spMkLst>
            <pc:docMk/>
            <pc:sldMk cId="1978284172" sldId="286"/>
            <ac:spMk id="14" creationId="{81423FBB-A4C4-4A3F-90F9-1277C7CFA490}"/>
          </ac:spMkLst>
        </pc:spChg>
        <pc:spChg chg="add mod">
          <ac:chgData name="PedsOrtho Research" userId="HaxE9Ny2cPVsAIoXvOldp8LzbvclCF2aOb+hxye+xpA=" providerId="None" clId="Web-{958E2CF4-DB9B-4393-8F72-8AC7FE37CF8A}" dt="2022-03-16T14:40:35.738" v="1390" actId="14100"/>
          <ac:spMkLst>
            <pc:docMk/>
            <pc:sldMk cId="1978284172" sldId="286"/>
            <ac:spMk id="15" creationId="{9CD915BF-2430-4529-9019-BF72ADE8DF38}"/>
          </ac:spMkLst>
        </pc:spChg>
        <pc:spChg chg="add mod">
          <ac:chgData name="PedsOrtho Research" userId="HaxE9Ny2cPVsAIoXvOldp8LzbvclCF2aOb+hxye+xpA=" providerId="None" clId="Web-{958E2CF4-DB9B-4393-8F72-8AC7FE37CF8A}" dt="2022-03-16T14:40:53.942" v="1394" actId="14100"/>
          <ac:spMkLst>
            <pc:docMk/>
            <pc:sldMk cId="1978284172" sldId="286"/>
            <ac:spMk id="16" creationId="{239D5A78-C6CB-4A99-AD98-9F2A677B159E}"/>
          </ac:spMkLst>
        </pc:spChg>
        <pc:graphicFrameChg chg="add mod modGraphic">
          <ac:chgData name="PedsOrtho Research" userId="HaxE9Ny2cPVsAIoXvOldp8LzbvclCF2aOb+hxye+xpA=" providerId="None" clId="Web-{958E2CF4-DB9B-4393-8F72-8AC7FE37CF8A}" dt="2022-03-16T14:39:57.128" v="1383"/>
          <ac:graphicFrameMkLst>
            <pc:docMk/>
            <pc:sldMk cId="1978284172" sldId="286"/>
            <ac:graphicFrameMk id="9" creationId="{FE93AF97-DD47-4767-9EF7-8C4FA4717D32}"/>
          </ac:graphicFrameMkLst>
        </pc:graphicFrameChg>
        <pc:graphicFrameChg chg="del">
          <ac:chgData name="PedsOrtho Research" userId="HaxE9Ny2cPVsAIoXvOldp8LzbvclCF2aOb+hxye+xpA=" providerId="None" clId="Web-{958E2CF4-DB9B-4393-8F72-8AC7FE37CF8A}" dt="2022-03-16T14:38:49.658" v="1229"/>
          <ac:graphicFrameMkLst>
            <pc:docMk/>
            <pc:sldMk cId="1978284172" sldId="286"/>
            <ac:graphicFrameMk id="13" creationId="{7FB5D733-5E42-42CB-984A-54FB65023C8C}"/>
          </ac:graphicFrameMkLst>
        </pc:graphicFrameChg>
        <pc:picChg chg="del">
          <ac:chgData name="PedsOrtho Research" userId="HaxE9Ny2cPVsAIoXvOldp8LzbvclCF2aOb+hxye+xpA=" providerId="None" clId="Web-{958E2CF4-DB9B-4393-8F72-8AC7FE37CF8A}" dt="2022-03-16T14:38:46.032" v="1228"/>
          <ac:picMkLst>
            <pc:docMk/>
            <pc:sldMk cId="1978284172" sldId="286"/>
            <ac:picMk id="8" creationId="{A35724A6-ED4A-4E56-837B-D88086317257}"/>
          </ac:picMkLst>
        </pc:picChg>
        <pc:picChg chg="del">
          <ac:chgData name="PedsOrtho Research" userId="HaxE9Ny2cPVsAIoXvOldp8LzbvclCF2aOb+hxye+xpA=" providerId="None" clId="Web-{958E2CF4-DB9B-4393-8F72-8AC7FE37CF8A}" dt="2022-03-16T14:38:46.032" v="1227"/>
          <ac:picMkLst>
            <pc:docMk/>
            <pc:sldMk cId="1978284172" sldId="286"/>
            <ac:picMk id="10" creationId="{32E6CDEA-267B-42F8-B6D2-B41509A3691C}"/>
          </ac:picMkLst>
        </pc:picChg>
      </pc:sldChg>
      <pc:sldChg chg="delSp modSp add replId">
        <pc:chgData name="PedsOrtho Research" userId="HaxE9Ny2cPVsAIoXvOldp8LzbvclCF2aOb+hxye+xpA=" providerId="None" clId="Web-{958E2CF4-DB9B-4393-8F72-8AC7FE37CF8A}" dt="2022-03-16T14:42:11.803" v="1427" actId="20577"/>
        <pc:sldMkLst>
          <pc:docMk/>
          <pc:sldMk cId="3253547883" sldId="287"/>
        </pc:sldMkLst>
        <pc:spChg chg="mod">
          <ac:chgData name="PedsOrtho Research" userId="HaxE9Ny2cPVsAIoXvOldp8LzbvclCF2aOb+hxye+xpA=" providerId="None" clId="Web-{958E2CF4-DB9B-4393-8F72-8AC7FE37CF8A}" dt="2022-03-16T14:41:13.036" v="1396" actId="20577"/>
          <ac:spMkLst>
            <pc:docMk/>
            <pc:sldMk cId="3253547883" sldId="287"/>
            <ac:spMk id="2" creationId="{9E3D7053-8A5C-7147-80A6-36B5F7E8710A}"/>
          </ac:spMkLst>
        </pc:spChg>
        <pc:spChg chg="mod">
          <ac:chgData name="PedsOrtho Research" userId="HaxE9Ny2cPVsAIoXvOldp8LzbvclCF2aOb+hxye+xpA=" providerId="None" clId="Web-{958E2CF4-DB9B-4393-8F72-8AC7FE37CF8A}" dt="2022-03-16T14:41:52.709" v="1421" actId="20577"/>
          <ac:spMkLst>
            <pc:docMk/>
            <pc:sldMk cId="3253547883" sldId="287"/>
            <ac:spMk id="3" creationId="{85CC8F06-CCC9-7B42-B341-571DCF4151C3}"/>
          </ac:spMkLst>
        </pc:spChg>
        <pc:spChg chg="mod">
          <ac:chgData name="PedsOrtho Research" userId="HaxE9Ny2cPVsAIoXvOldp8LzbvclCF2aOb+hxye+xpA=" providerId="None" clId="Web-{958E2CF4-DB9B-4393-8F72-8AC7FE37CF8A}" dt="2022-03-16T14:42:11.803" v="1427" actId="20577"/>
          <ac:spMkLst>
            <pc:docMk/>
            <pc:sldMk cId="3253547883" sldId="287"/>
            <ac:spMk id="5" creationId="{12409A53-AA9E-AA4F-886B-7947C01A42B6}"/>
          </ac:spMkLst>
        </pc:spChg>
        <pc:spChg chg="del">
          <ac:chgData name="PedsOrtho Research" userId="HaxE9Ny2cPVsAIoXvOldp8LzbvclCF2aOb+hxye+xpA=" providerId="None" clId="Web-{958E2CF4-DB9B-4393-8F72-8AC7FE37CF8A}" dt="2022-03-16T14:41:19.193" v="1398"/>
          <ac:spMkLst>
            <pc:docMk/>
            <pc:sldMk cId="3253547883" sldId="287"/>
            <ac:spMk id="14" creationId="{81423FBB-A4C4-4A3F-90F9-1277C7CFA490}"/>
          </ac:spMkLst>
        </pc:spChg>
        <pc:spChg chg="del">
          <ac:chgData name="PedsOrtho Research" userId="HaxE9Ny2cPVsAIoXvOldp8LzbvclCF2aOb+hxye+xpA=" providerId="None" clId="Web-{958E2CF4-DB9B-4393-8F72-8AC7FE37CF8A}" dt="2022-03-16T14:41:20.177" v="1399"/>
          <ac:spMkLst>
            <pc:docMk/>
            <pc:sldMk cId="3253547883" sldId="287"/>
            <ac:spMk id="15" creationId="{9CD915BF-2430-4529-9019-BF72ADE8DF38}"/>
          </ac:spMkLst>
        </pc:spChg>
        <pc:spChg chg="del">
          <ac:chgData name="PedsOrtho Research" userId="HaxE9Ny2cPVsAIoXvOldp8LzbvclCF2aOb+hxye+xpA=" providerId="None" clId="Web-{958E2CF4-DB9B-4393-8F72-8AC7FE37CF8A}" dt="2022-03-16T14:41:20.677" v="1400"/>
          <ac:spMkLst>
            <pc:docMk/>
            <pc:sldMk cId="3253547883" sldId="287"/>
            <ac:spMk id="16" creationId="{239D5A78-C6CB-4A99-AD98-9F2A677B159E}"/>
          </ac:spMkLst>
        </pc:spChg>
        <pc:graphicFrameChg chg="del">
          <ac:chgData name="PedsOrtho Research" userId="HaxE9Ny2cPVsAIoXvOldp8LzbvclCF2aOb+hxye+xpA=" providerId="None" clId="Web-{958E2CF4-DB9B-4393-8F72-8AC7FE37CF8A}" dt="2022-03-16T14:41:17.208" v="1397"/>
          <ac:graphicFrameMkLst>
            <pc:docMk/>
            <pc:sldMk cId="3253547883" sldId="287"/>
            <ac:graphicFrameMk id="9" creationId="{FE93AF97-DD47-4767-9EF7-8C4FA4717D32}"/>
          </ac:graphicFrameMkLst>
        </pc:graphicFrameChg>
      </pc:sldChg>
    </pc:docChg>
  </pc:docChgLst>
  <pc:docChgLst>
    <pc:chgData name="PedsOrtho Research" userId="HaxE9Ny2cPVsAIoXvOldp8LzbvclCF2aOb+hxye+xpA=" providerId="None" clId="Web-{382205BE-2417-4B15-A8CD-101EAA3A0949}"/>
    <pc:docChg chg="addSld delSld modSld sldOrd">
      <pc:chgData name="PedsOrtho Research" userId="HaxE9Ny2cPVsAIoXvOldp8LzbvclCF2aOb+hxye+xpA=" providerId="None" clId="Web-{382205BE-2417-4B15-A8CD-101EAA3A0949}" dt="2022-03-10T17:14:08.066" v="471" actId="20577"/>
      <pc:docMkLst>
        <pc:docMk/>
      </pc:docMkLst>
      <pc:sldChg chg="addSp delSp modSp del">
        <pc:chgData name="PedsOrtho Research" userId="HaxE9Ny2cPVsAIoXvOldp8LzbvclCF2aOb+hxye+xpA=" providerId="None" clId="Web-{382205BE-2417-4B15-A8CD-101EAA3A0949}" dt="2022-03-10T17:07:35.949" v="306"/>
        <pc:sldMkLst>
          <pc:docMk/>
          <pc:sldMk cId="3357986009" sldId="270"/>
        </pc:sldMkLst>
        <pc:spChg chg="del">
          <ac:chgData name="PedsOrtho Research" userId="HaxE9Ny2cPVsAIoXvOldp8LzbvclCF2aOb+hxye+xpA=" providerId="None" clId="Web-{382205BE-2417-4B15-A8CD-101EAA3A0949}" dt="2022-03-10T17:05:58.869" v="271"/>
          <ac:spMkLst>
            <pc:docMk/>
            <pc:sldMk cId="3357986009" sldId="270"/>
            <ac:spMk id="2" creationId="{AEEBFEA8-21D3-5E4F-B7E4-A84D9413BBDE}"/>
          </ac:spMkLst>
        </pc:spChg>
        <pc:spChg chg="del">
          <ac:chgData name="PedsOrtho Research" userId="HaxE9Ny2cPVsAIoXvOldp8LzbvclCF2aOb+hxye+xpA=" providerId="None" clId="Web-{382205BE-2417-4B15-A8CD-101EAA3A0949}" dt="2022-03-10T17:06:25.557" v="286"/>
          <ac:spMkLst>
            <pc:docMk/>
            <pc:sldMk cId="3357986009" sldId="270"/>
            <ac:spMk id="3" creationId="{F73DBA36-A63B-BA4E-8D89-052FAC4B2997}"/>
          </ac:spMkLst>
        </pc:spChg>
        <pc:spChg chg="mod">
          <ac:chgData name="PedsOrtho Research" userId="HaxE9Ny2cPVsAIoXvOldp8LzbvclCF2aOb+hxye+xpA=" providerId="None" clId="Web-{382205BE-2417-4B15-A8CD-101EAA3A0949}" dt="2022-03-10T17:06:23.416" v="285" actId="20577"/>
          <ac:spMkLst>
            <pc:docMk/>
            <pc:sldMk cId="3357986009" sldId="270"/>
            <ac:spMk id="4" creationId="{851E8955-70B2-A640-BA59-2F413D592A84}"/>
          </ac:spMkLst>
        </pc:spChg>
        <pc:picChg chg="add mod ord">
          <ac:chgData name="PedsOrtho Research" userId="HaxE9Ny2cPVsAIoXvOldp8LzbvclCF2aOb+hxye+xpA=" providerId="None" clId="Web-{382205BE-2417-4B15-A8CD-101EAA3A0949}" dt="2022-03-10T17:06:33.651" v="289" actId="1076"/>
          <ac:picMkLst>
            <pc:docMk/>
            <pc:sldMk cId="3357986009" sldId="270"/>
            <ac:picMk id="7" creationId="{D55445F5-468A-4316-877B-CBDC296BB511}"/>
          </ac:picMkLst>
        </pc:picChg>
        <pc:picChg chg="add mod">
          <ac:chgData name="PedsOrtho Research" userId="HaxE9Ny2cPVsAIoXvOldp8LzbvclCF2aOb+hxye+xpA=" providerId="None" clId="Web-{382205BE-2417-4B15-A8CD-101EAA3A0949}" dt="2022-03-10T17:06:48.120" v="293" actId="1076"/>
          <ac:picMkLst>
            <pc:docMk/>
            <pc:sldMk cId="3357986009" sldId="270"/>
            <ac:picMk id="8" creationId="{3E3CA49D-2632-4100-8C5A-FD54AD2544C3}"/>
          </ac:picMkLst>
        </pc:picChg>
      </pc:sldChg>
      <pc:sldChg chg="modSp add replId">
        <pc:chgData name="PedsOrtho Research" userId="HaxE9Ny2cPVsAIoXvOldp8LzbvclCF2aOb+hxye+xpA=" providerId="None" clId="Web-{382205BE-2417-4B15-A8CD-101EAA3A0949}" dt="2022-03-10T16:56:39.717" v="160" actId="20577"/>
        <pc:sldMkLst>
          <pc:docMk/>
          <pc:sldMk cId="1551128764" sldId="271"/>
        </pc:sldMkLst>
        <pc:spChg chg="mod">
          <ac:chgData name="PedsOrtho Research" userId="HaxE9Ny2cPVsAIoXvOldp8LzbvclCF2aOb+hxye+xpA=" providerId="None" clId="Web-{382205BE-2417-4B15-A8CD-101EAA3A0949}" dt="2022-03-10T16:52:38.619" v="5" actId="20577"/>
          <ac:spMkLst>
            <pc:docMk/>
            <pc:sldMk cId="1551128764" sldId="271"/>
            <ac:spMk id="2" creationId="{9E3D7053-8A5C-7147-80A6-36B5F7E8710A}"/>
          </ac:spMkLst>
        </pc:spChg>
        <pc:spChg chg="mod">
          <ac:chgData name="PedsOrtho Research" userId="HaxE9Ny2cPVsAIoXvOldp8LzbvclCF2aOb+hxye+xpA=" providerId="None" clId="Web-{382205BE-2417-4B15-A8CD-101EAA3A0949}" dt="2022-03-10T16:56:30.639" v="158" actId="20577"/>
          <ac:spMkLst>
            <pc:docMk/>
            <pc:sldMk cId="1551128764" sldId="271"/>
            <ac:spMk id="3" creationId="{85CC8F06-CCC9-7B42-B341-571DCF4151C3}"/>
          </ac:spMkLst>
        </pc:spChg>
        <pc:spChg chg="mod">
          <ac:chgData name="PedsOrtho Research" userId="HaxE9Ny2cPVsAIoXvOldp8LzbvclCF2aOb+hxye+xpA=" providerId="None" clId="Web-{382205BE-2417-4B15-A8CD-101EAA3A0949}" dt="2022-03-10T16:56:39.717" v="160" actId="20577"/>
          <ac:spMkLst>
            <pc:docMk/>
            <pc:sldMk cId="1551128764" sldId="271"/>
            <ac:spMk id="5" creationId="{12409A53-AA9E-AA4F-886B-7947C01A42B6}"/>
          </ac:spMkLst>
        </pc:spChg>
      </pc:sldChg>
      <pc:sldChg chg="addSp modSp add replId">
        <pc:chgData name="PedsOrtho Research" userId="HaxE9Ny2cPVsAIoXvOldp8LzbvclCF2aOb+hxye+xpA=" providerId="None" clId="Web-{382205BE-2417-4B15-A8CD-101EAA3A0949}" dt="2022-03-10T17:04:45.539" v="270" actId="1076"/>
        <pc:sldMkLst>
          <pc:docMk/>
          <pc:sldMk cId="130553064" sldId="272"/>
        </pc:sldMkLst>
        <pc:spChg chg="mod">
          <ac:chgData name="PedsOrtho Research" userId="HaxE9Ny2cPVsAIoXvOldp8LzbvclCF2aOb+hxye+xpA=" providerId="None" clId="Web-{382205BE-2417-4B15-A8CD-101EAA3A0949}" dt="2022-03-10T16:57:01.140" v="166" actId="20577"/>
          <ac:spMkLst>
            <pc:docMk/>
            <pc:sldMk cId="130553064" sldId="272"/>
            <ac:spMk id="2" creationId="{9E3D7053-8A5C-7147-80A6-36B5F7E8710A}"/>
          </ac:spMkLst>
        </pc:spChg>
        <pc:spChg chg="mod">
          <ac:chgData name="PedsOrtho Research" userId="HaxE9Ny2cPVsAIoXvOldp8LzbvclCF2aOb+hxye+xpA=" providerId="None" clId="Web-{382205BE-2417-4B15-A8CD-101EAA3A0949}" dt="2022-03-10T16:59:24.674" v="191" actId="1076"/>
          <ac:spMkLst>
            <pc:docMk/>
            <pc:sldMk cId="130553064" sldId="272"/>
            <ac:spMk id="3" creationId="{85CC8F06-CCC9-7B42-B341-571DCF4151C3}"/>
          </ac:spMkLst>
        </pc:spChg>
        <pc:spChg chg="add mod">
          <ac:chgData name="PedsOrtho Research" userId="HaxE9Ny2cPVsAIoXvOldp8LzbvclCF2aOb+hxye+xpA=" providerId="None" clId="Web-{382205BE-2417-4B15-A8CD-101EAA3A0949}" dt="2022-03-10T17:04:45.508" v="269" actId="1076"/>
          <ac:spMkLst>
            <pc:docMk/>
            <pc:sldMk cId="130553064" sldId="272"/>
            <ac:spMk id="11" creationId="{18ABA1A4-90BB-4F98-9DB4-E78FC3A967F2}"/>
          </ac:spMkLst>
        </pc:spChg>
        <pc:spChg chg="add mod">
          <ac:chgData name="PedsOrtho Research" userId="HaxE9Ny2cPVsAIoXvOldp8LzbvclCF2aOb+hxye+xpA=" providerId="None" clId="Web-{382205BE-2417-4B15-A8CD-101EAA3A0949}" dt="2022-03-10T17:04:45.430" v="265" actId="1076"/>
          <ac:spMkLst>
            <pc:docMk/>
            <pc:sldMk cId="130553064" sldId="272"/>
            <ac:spMk id="12" creationId="{C8BD3657-8ECA-4240-80B1-FB4063E30B14}"/>
          </ac:spMkLst>
        </pc:spChg>
        <pc:spChg chg="add mod">
          <ac:chgData name="PedsOrtho Research" userId="HaxE9Ny2cPVsAIoXvOldp8LzbvclCF2aOb+hxye+xpA=" providerId="None" clId="Web-{382205BE-2417-4B15-A8CD-101EAA3A0949}" dt="2022-03-10T17:04:45.477" v="267" actId="1076"/>
          <ac:spMkLst>
            <pc:docMk/>
            <pc:sldMk cId="130553064" sldId="272"/>
            <ac:spMk id="13" creationId="{FA530AAC-A285-4920-A3D0-FCC8273DF2F8}"/>
          </ac:spMkLst>
        </pc:spChg>
        <pc:picChg chg="add mod">
          <ac:chgData name="PedsOrtho Research" userId="HaxE9Ny2cPVsAIoXvOldp8LzbvclCF2aOb+hxye+xpA=" providerId="None" clId="Web-{382205BE-2417-4B15-A8CD-101EAA3A0949}" dt="2022-03-10T17:04:45.461" v="266" actId="1076"/>
          <ac:picMkLst>
            <pc:docMk/>
            <pc:sldMk cId="130553064" sldId="272"/>
            <ac:picMk id="7" creationId="{B0C1D2EF-AF8F-4382-A087-68FB61AFE958}"/>
          </ac:picMkLst>
        </pc:picChg>
        <pc:picChg chg="add mod">
          <ac:chgData name="PedsOrtho Research" userId="HaxE9Ny2cPVsAIoXvOldp8LzbvclCF2aOb+hxye+xpA=" providerId="None" clId="Web-{382205BE-2417-4B15-A8CD-101EAA3A0949}" dt="2022-03-10T17:04:45.492" v="268" actId="1076"/>
          <ac:picMkLst>
            <pc:docMk/>
            <pc:sldMk cId="130553064" sldId="272"/>
            <ac:picMk id="9" creationId="{E1D62A38-B153-43C4-8874-0DD25CAD5D1D}"/>
          </ac:picMkLst>
        </pc:picChg>
        <pc:picChg chg="add mod">
          <ac:chgData name="PedsOrtho Research" userId="HaxE9Ny2cPVsAIoXvOldp8LzbvclCF2aOb+hxye+xpA=" providerId="None" clId="Web-{382205BE-2417-4B15-A8CD-101EAA3A0949}" dt="2022-03-10T17:04:45.539" v="270" actId="1076"/>
          <ac:picMkLst>
            <pc:docMk/>
            <pc:sldMk cId="130553064" sldId="272"/>
            <ac:picMk id="10" creationId="{F6AAB921-46A6-4FF1-9083-A51AE4FB03AB}"/>
          </ac:picMkLst>
        </pc:picChg>
      </pc:sldChg>
      <pc:sldChg chg="addSp delSp modSp add ord replId">
        <pc:chgData name="PedsOrtho Research" userId="HaxE9Ny2cPVsAIoXvOldp8LzbvclCF2aOb+hxye+xpA=" providerId="None" clId="Web-{382205BE-2417-4B15-A8CD-101EAA3A0949}" dt="2022-03-10T17:07:28.839" v="305" actId="1076"/>
        <pc:sldMkLst>
          <pc:docMk/>
          <pc:sldMk cId="4132938576" sldId="273"/>
        </pc:sldMkLst>
        <pc:spChg chg="mod">
          <ac:chgData name="PedsOrtho Research" userId="HaxE9Ny2cPVsAIoXvOldp8LzbvclCF2aOb+hxye+xpA=" providerId="None" clId="Web-{382205BE-2417-4B15-A8CD-101EAA3A0949}" dt="2022-03-10T17:07:06.417" v="299" actId="20577"/>
          <ac:spMkLst>
            <pc:docMk/>
            <pc:sldMk cId="4132938576" sldId="273"/>
            <ac:spMk id="2" creationId="{9E3D7053-8A5C-7147-80A6-36B5F7E8710A}"/>
          </ac:spMkLst>
        </pc:spChg>
        <pc:spChg chg="del">
          <ac:chgData name="PedsOrtho Research" userId="HaxE9Ny2cPVsAIoXvOldp8LzbvclCF2aOb+hxye+xpA=" providerId="None" clId="Web-{382205BE-2417-4B15-A8CD-101EAA3A0949}" dt="2022-03-10T17:07:18.074" v="300"/>
          <ac:spMkLst>
            <pc:docMk/>
            <pc:sldMk cId="4132938576" sldId="273"/>
            <ac:spMk id="3" creationId="{85CC8F06-CCC9-7B42-B341-571DCF4151C3}"/>
          </ac:spMkLst>
        </pc:spChg>
        <pc:spChg chg="add del mod">
          <ac:chgData name="PedsOrtho Research" userId="HaxE9Ny2cPVsAIoXvOldp8LzbvclCF2aOb+hxye+xpA=" providerId="None" clId="Web-{382205BE-2417-4B15-A8CD-101EAA3A0949}" dt="2022-03-10T17:07:24.964" v="304"/>
          <ac:spMkLst>
            <pc:docMk/>
            <pc:sldMk cId="4132938576" sldId="273"/>
            <ac:spMk id="7" creationId="{51E9FCC9-7591-4BB1-A0F2-EC7BEB753677}"/>
          </ac:spMkLst>
        </pc:spChg>
        <pc:picChg chg="add mod">
          <ac:chgData name="PedsOrtho Research" userId="HaxE9Ny2cPVsAIoXvOldp8LzbvclCF2aOb+hxye+xpA=" providerId="None" clId="Web-{382205BE-2417-4B15-A8CD-101EAA3A0949}" dt="2022-03-10T17:07:19.964" v="303" actId="1076"/>
          <ac:picMkLst>
            <pc:docMk/>
            <pc:sldMk cId="4132938576" sldId="273"/>
            <ac:picMk id="10" creationId="{5AEB3C7F-CFC8-4D40-960E-0B0116A68659}"/>
          </ac:picMkLst>
        </pc:picChg>
        <pc:picChg chg="add mod">
          <ac:chgData name="PedsOrtho Research" userId="HaxE9Ny2cPVsAIoXvOldp8LzbvclCF2aOb+hxye+xpA=" providerId="None" clId="Web-{382205BE-2417-4B15-A8CD-101EAA3A0949}" dt="2022-03-10T17:07:28.839" v="305" actId="1076"/>
          <ac:picMkLst>
            <pc:docMk/>
            <pc:sldMk cId="4132938576" sldId="273"/>
            <ac:picMk id="12" creationId="{BA8C8300-6F9F-4CB3-BD6B-E770D8CB6C8B}"/>
          </ac:picMkLst>
        </pc:picChg>
      </pc:sldChg>
      <pc:sldChg chg="addSp modSp add ord replId">
        <pc:chgData name="PedsOrtho Research" userId="HaxE9Ny2cPVsAIoXvOldp8LzbvclCF2aOb+hxye+xpA=" providerId="None" clId="Web-{382205BE-2417-4B15-A8CD-101EAA3A0949}" dt="2022-03-10T17:10:41.687" v="388" actId="1076"/>
        <pc:sldMkLst>
          <pc:docMk/>
          <pc:sldMk cId="3389090094" sldId="274"/>
        </pc:sldMkLst>
        <pc:spChg chg="mod">
          <ac:chgData name="PedsOrtho Research" userId="HaxE9Ny2cPVsAIoXvOldp8LzbvclCF2aOb+hxye+xpA=" providerId="None" clId="Web-{382205BE-2417-4B15-A8CD-101EAA3A0949}" dt="2022-03-10T17:07:50.621" v="314" actId="20577"/>
          <ac:spMkLst>
            <pc:docMk/>
            <pc:sldMk cId="3389090094" sldId="274"/>
            <ac:spMk id="2" creationId="{9E3D7053-8A5C-7147-80A6-36B5F7E8710A}"/>
          </ac:spMkLst>
        </pc:spChg>
        <pc:spChg chg="mod">
          <ac:chgData name="PedsOrtho Research" userId="HaxE9Ny2cPVsAIoXvOldp8LzbvclCF2aOb+hxye+xpA=" providerId="None" clId="Web-{382205BE-2417-4B15-A8CD-101EAA3A0949}" dt="2022-03-10T17:10:36.874" v="387" actId="14100"/>
          <ac:spMkLst>
            <pc:docMk/>
            <pc:sldMk cId="3389090094" sldId="274"/>
            <ac:spMk id="3" creationId="{85CC8F06-CCC9-7B42-B341-571DCF4151C3}"/>
          </ac:spMkLst>
        </pc:spChg>
        <pc:picChg chg="add mod">
          <ac:chgData name="PedsOrtho Research" userId="HaxE9Ny2cPVsAIoXvOldp8LzbvclCF2aOb+hxye+xpA=" providerId="None" clId="Web-{382205BE-2417-4B15-A8CD-101EAA3A0949}" dt="2022-03-10T17:10:41.687" v="388" actId="1076"/>
          <ac:picMkLst>
            <pc:docMk/>
            <pc:sldMk cId="3389090094" sldId="274"/>
            <ac:picMk id="4" creationId="{BF0F18BB-CC88-4001-BD49-2924358965A0}"/>
          </ac:picMkLst>
        </pc:picChg>
      </pc:sldChg>
      <pc:sldChg chg="addSp delSp modSp add replId">
        <pc:chgData name="PedsOrtho Research" userId="HaxE9Ny2cPVsAIoXvOldp8LzbvclCF2aOb+hxye+xpA=" providerId="None" clId="Web-{382205BE-2417-4B15-A8CD-101EAA3A0949}" dt="2022-03-10T17:12:33.049" v="434" actId="20577"/>
        <pc:sldMkLst>
          <pc:docMk/>
          <pc:sldMk cId="1029695708" sldId="275"/>
        </pc:sldMkLst>
        <pc:spChg chg="mod">
          <ac:chgData name="PedsOrtho Research" userId="HaxE9Ny2cPVsAIoXvOldp8LzbvclCF2aOb+hxye+xpA=" providerId="None" clId="Web-{382205BE-2417-4B15-A8CD-101EAA3A0949}" dt="2022-03-10T17:12:33.049" v="434" actId="20577"/>
          <ac:spMkLst>
            <pc:docMk/>
            <pc:sldMk cId="1029695708" sldId="275"/>
            <ac:spMk id="3" creationId="{85CC8F06-CCC9-7B42-B341-571DCF4151C3}"/>
          </ac:spMkLst>
        </pc:spChg>
        <pc:picChg chg="del">
          <ac:chgData name="PedsOrtho Research" userId="HaxE9Ny2cPVsAIoXvOldp8LzbvclCF2aOb+hxye+xpA=" providerId="None" clId="Web-{382205BE-2417-4B15-A8CD-101EAA3A0949}" dt="2022-03-10T17:11:41.876" v="403"/>
          <ac:picMkLst>
            <pc:docMk/>
            <pc:sldMk cId="1029695708" sldId="275"/>
            <ac:picMk id="4" creationId="{BF0F18BB-CC88-4001-BD49-2924358965A0}"/>
          </ac:picMkLst>
        </pc:picChg>
        <pc:picChg chg="add mod">
          <ac:chgData name="PedsOrtho Research" userId="HaxE9Ny2cPVsAIoXvOldp8LzbvclCF2aOb+hxye+xpA=" providerId="None" clId="Web-{382205BE-2417-4B15-A8CD-101EAA3A0949}" dt="2022-03-10T17:11:56.142" v="407" actId="1076"/>
          <ac:picMkLst>
            <pc:docMk/>
            <pc:sldMk cId="1029695708" sldId="275"/>
            <ac:picMk id="7" creationId="{3218AA11-8941-4643-B004-335415CAE3BF}"/>
          </ac:picMkLst>
        </pc:picChg>
      </pc:sldChg>
      <pc:sldChg chg="addSp delSp modSp add replId">
        <pc:chgData name="PedsOrtho Research" userId="HaxE9Ny2cPVsAIoXvOldp8LzbvclCF2aOb+hxye+xpA=" providerId="None" clId="Web-{382205BE-2417-4B15-A8CD-101EAA3A0949}" dt="2022-03-10T17:14:08.066" v="471" actId="20577"/>
        <pc:sldMkLst>
          <pc:docMk/>
          <pc:sldMk cId="2847953062" sldId="276"/>
        </pc:sldMkLst>
        <pc:spChg chg="mod">
          <ac:chgData name="PedsOrtho Research" userId="HaxE9Ny2cPVsAIoXvOldp8LzbvclCF2aOb+hxye+xpA=" providerId="None" clId="Web-{382205BE-2417-4B15-A8CD-101EAA3A0949}" dt="2022-03-10T17:12:51.705" v="439" actId="20577"/>
          <ac:spMkLst>
            <pc:docMk/>
            <pc:sldMk cId="2847953062" sldId="276"/>
            <ac:spMk id="2" creationId="{9E3D7053-8A5C-7147-80A6-36B5F7E8710A}"/>
          </ac:spMkLst>
        </pc:spChg>
        <pc:spChg chg="mod">
          <ac:chgData name="PedsOrtho Research" userId="HaxE9Ny2cPVsAIoXvOldp8LzbvclCF2aOb+hxye+xpA=" providerId="None" clId="Web-{382205BE-2417-4B15-A8CD-101EAA3A0949}" dt="2022-03-10T17:14:08.066" v="471" actId="20577"/>
          <ac:spMkLst>
            <pc:docMk/>
            <pc:sldMk cId="2847953062" sldId="276"/>
            <ac:spMk id="3" creationId="{85CC8F06-CCC9-7B42-B341-571DCF4151C3}"/>
          </ac:spMkLst>
        </pc:spChg>
        <pc:picChg chg="add mod">
          <ac:chgData name="PedsOrtho Research" userId="HaxE9Ny2cPVsAIoXvOldp8LzbvclCF2aOb+hxye+xpA=" providerId="None" clId="Web-{382205BE-2417-4B15-A8CD-101EAA3A0949}" dt="2022-03-10T17:13:20.487" v="446" actId="1076"/>
          <ac:picMkLst>
            <pc:docMk/>
            <pc:sldMk cId="2847953062" sldId="276"/>
            <ac:picMk id="4" creationId="{BB3B918A-C4A6-4B98-AF0C-3A9AA75D20E1}"/>
          </ac:picMkLst>
        </pc:picChg>
        <pc:picChg chg="del">
          <ac:chgData name="PedsOrtho Research" userId="HaxE9Ny2cPVsAIoXvOldp8LzbvclCF2aOb+hxye+xpA=" providerId="None" clId="Web-{382205BE-2417-4B15-A8CD-101EAA3A0949}" dt="2022-03-10T17:13:04.877" v="442"/>
          <ac:picMkLst>
            <pc:docMk/>
            <pc:sldMk cId="2847953062" sldId="276"/>
            <ac:picMk id="7" creationId="{3218AA11-8941-4643-B004-335415CAE3BF}"/>
          </ac:picMkLst>
        </pc:picChg>
      </pc:sldChg>
    </pc:docChg>
  </pc:docChgLst>
</pc:chgInfo>
</file>

<file path=ppt/charts/_rels/chartEx1.xml.rels><?xml version="1.0" encoding="UTF-8" standalone="yes"?>
<Relationships xmlns="http://schemas.openxmlformats.org/package/2006/relationships"><Relationship Id="rId3" Type="http://schemas.microsoft.com/office/2011/relationships/chartColorStyle" Target="colors1.xml"/><Relationship Id="rId2" Type="http://schemas.microsoft.com/office/2011/relationships/chartStyle" Target="style1.xml"/><Relationship Id="rId1" Type="http://schemas.openxmlformats.org/officeDocument/2006/relationships/oleObject" Target="file:///\\Users\sofiahidalgo\Dropbox\SHP%20and%20DWG%20Research\JUPITER%20Finer%20Form\MPFL%20Technique\JUPITER%20Technique%20Procedure%20Raw%20Data%20.xlsx" TargetMode="External"/><Relationship Id="rId4" Type="http://schemas.openxmlformats.org/officeDocument/2006/relationships/themeOverride" Target="../theme/themeOverride1.xml"/></Relationships>
</file>

<file path=ppt/charts/chartEx1.xml><?xml version="1.0" encoding="utf-8"?>
<cx:chartSpace xmlns:a="http://schemas.openxmlformats.org/drawingml/2006/main" xmlns:r="http://schemas.openxmlformats.org/officeDocument/2006/relationships" xmlns:cx="http://schemas.microsoft.com/office/drawing/2014/chartex">
  <cx:chartData>
    <cx:externalData r:id="rId1" cx:autoUpdate="0"/>
    <cx:data id="0">
      <cx:numDim type="val">
        <cx:f>'Procedures- Final'!$E$2:$E$207</cx:f>
        <cx:lvl ptCount="206" formatCode="0,0">
          <cx:pt idx="0">5.0787132101300481</cx:pt>
          <cx:pt idx="1">8.3285420944558517</cx:pt>
          <cx:pt idx="2">8.8459958932238187</cx:pt>
          <cx:pt idx="3">9.2977412731006162</cx:pt>
          <cx:pt idx="4">9.3059548254620115</cx:pt>
          <cx:pt idx="5">9.6290212183436008</cx:pt>
          <cx:pt idx="6">9.9685147159479808</cx:pt>
          <cx:pt idx="7">10.261464750171116</cx:pt>
          <cx:pt idx="8">10.288843258042437</cx:pt>
          <cx:pt idx="9">10.30527036276523</cx:pt>
          <cx:pt idx="10">10.581793292265571</cx:pt>
          <cx:pt idx="11">10.598220396988363</cx:pt>
          <cx:pt idx="12">10.767967145790555</cx:pt>
          <cx:pt idx="13">10.833675564681725</cx:pt>
          <cx:pt idx="14">10.888432580424366</cx:pt>
          <cx:pt idx="15">11.134839151266256</cx:pt>
          <cx:pt idx="16">11.186858316221766</cx:pt>
          <cx:pt idx="17">11.208761122518823</cx:pt>
          <cx:pt idx="18">11.249828884325805</cx:pt>
          <cx:pt idx="19">11.342915811088295</cx:pt>
          <cx:pt idx="20">11.345653661875428</cx:pt>
          <cx:pt idx="21">11.345653661875428</cx:pt>
          <cx:pt idx="22">11.353867214236825</cx:pt>
          <cx:pt idx="23">11.364818617385353</cx:pt>
          <cx:pt idx="24">11.493497604380561</cx:pt>
          <cx:pt idx="25">11.575633127994525</cx:pt>
          <cx:pt idx="26">11.690622861054072</cx:pt>
          <cx:pt idx="27">11.789185489390828</cx:pt>
          <cx:pt idx="28">11.797399041752225</cx:pt>
          <cx:pt idx="29">11.813826146475018</cx:pt>
          <cx:pt idx="30">11.906913073237508</cx:pt>
          <cx:pt idx="31">11.958932238193018</cx:pt>
          <cx:pt idx="32">11.964407939767282</cx:pt>
          <cx:pt idx="33">11.978097193702943</cx:pt>
          <cx:pt idx="34">12.002737850787133</cx:pt>
          <cx:pt idx="35">12.068446269678303</cx:pt>
          <cx:pt idx="36">12.068446269678303</cx:pt>
          <cx:pt idx="37">12.109514031485284</cx:pt>
          <cx:pt idx="38">12.128678986995208</cx:pt>
          <cx:pt idx="39">12.194387405886379</cx:pt>
          <cx:pt idx="40">12.210814510609172</cx:pt>
          <cx:pt idx="41">12.210814510609172</cx:pt>
          <cx:pt idx="42">12.249144421629021</cx:pt>
          <cx:pt idx="43">12.33949349760438</cx:pt>
          <cx:pt idx="44">12.361396303901437</cx:pt>
          <cx:pt idx="45">12.364134154688569</cx:pt>
          <cx:pt idx="46">12.377823408624231</cx:pt>
          <cx:pt idx="47">12.396988364134154</cx:pt>
          <cx:pt idx="48">12.459958932238193</cx:pt>
          <cx:pt idx="49">12.511978097193703</cx:pt>
          <cx:pt idx="50">12.580424366872005</cx:pt>
          <cx:pt idx="51">12.588637919233403</cx:pt>
          <cx:pt idx="52">12.588637919233403</cx:pt>
          <cx:pt idx="53">12.648870636550308</cx:pt>
          <cx:pt idx="54">12.678986995208762</cx:pt>
          <cx:pt idx="55">12.692676249144421</cx:pt>
          <cx:pt idx="56">12.777549623545516</cx:pt>
          <cx:pt idx="57">12.799452429842573</cx:pt>
          <cx:pt idx="58">12.824093086926762</cx:pt>
          <cx:pt idx="59">12.876112251882272</cx:pt>
          <cx:pt idx="60">12.878850102669405</cx:pt>
          <cx:pt idx="61">12.895277207392198</cx:pt>
          <cx:pt idx="62">12.903490759753593</cx:pt>
          <cx:pt idx="63">12.933607118412047</cx:pt>
          <cx:pt idx="64">12.955509924709103</cx:pt>
          <cx:pt idx="65">12.9637234770705</cx:pt>
          <cx:pt idx="66">12.971937029431896</cx:pt>
          <cx:pt idx="67">12.988364134154688</cx:pt>
          <cx:pt idx="68">13.045859000684462</cx:pt>
          <cx:pt idx="69">13.045859000684462</cx:pt>
          <cx:pt idx="70">13.084188911704311</cx:pt>
          <cx:pt idx="71">13.086926762491444</cx:pt>
          <cx:pt idx="72">13.086926762491444</cx:pt>
          <cx:pt idx="73">13.169062286105408</cx:pt>
          <cx:pt idx="74">13.171800136892539</cx:pt>
          <cx:pt idx="75">13.174537987679672</cx:pt>
          <cx:pt idx="76">13.1854893908282</cx:pt>
          <cx:pt idx="77">13.193702943189596</cx:pt>
          <cx:pt idx="78">13.201916495550993</cx:pt>
          <cx:pt idx="79">13.221081451060916</cx:pt>
          <cx:pt idx="80">13.223819301848049</cx:pt>
          <cx:pt idx="81">13.226557152635181</cx:pt>
          <cx:pt idx="82">13.226557152635181</cx:pt>
          <cx:pt idx="83">13.232032854209445</cx:pt>
          <cx:pt idx="84">13.297741273100616</cx:pt>
          <cx:pt idx="85">13.349760438056126</cx:pt>
          <cx:pt idx="86">13.35523613963039</cx:pt>
          <cx:pt idx="87">13.366187542778919</cx:pt>
          <cx:pt idx="88">13.407255304585901</cx:pt>
          <cx:pt idx="89">13.42094455852156</cx:pt>
          <cx:pt idx="90">13.434633812457221</cx:pt>
          <cx:pt idx="91">13.442847364818617</cx:pt>
          <cx:pt idx="92">13.44558521560575</cx:pt>
          <cx:pt idx="93">13.448323066392881</cx:pt>
          <cx:pt idx="94">13.489390828199863</cx:pt>
          <cx:pt idx="95">13.533196440793978</cx:pt>
          <cx:pt idx="96">13.546885694729637</cx:pt>
          <cx:pt idx="97">13.566050650239562</cx:pt>
          <cx:pt idx="98">13.566050650239562</cx:pt>
          <cx:pt idx="99">13.593429158110883</cx:pt>
          <cx:pt idx="100">13.609856262833675</cx:pt>
          <cx:pt idx="101">13.637234770704996</cx:pt>
          <cx:pt idx="102">13.650924024640657</cx:pt>
          <cx:pt idx="103">13.711156741957563</cx:pt>
          <cx:pt idx="104">13.722108145106091</cx:pt>
          <cx:pt idx="105">13.746748802190281</cx:pt>
          <cx:pt idx="106">13.746748802190281</cx:pt>
          <cx:pt idx="107">13.796030116358658</cx:pt>
          <cx:pt idx="108">13.82340862422998</cx:pt>
          <cx:pt idx="109">13.831622176591376</cx:pt>
          <cx:pt idx="110">13.875427789185489</cx:pt>
          <cx:pt idx="111">13.878165639972622</cx:pt>
          <cx:pt idx="112">13.894592744695414</cx:pt>
          <cx:pt idx="113">13.897330595482547</cx:pt>
          <cx:pt idx="114">13.905544147843942</cx:pt>
          <cx:pt idx="115">13.911019849418206</cx:pt>
          <cx:pt idx="116">13.921971252566735</cx:pt>
          <cx:pt idx="117">13.924709103353868</cx:pt>
          <cx:pt idx="118">13.995893223819301</cx:pt>
          <cx:pt idx="119">13.998631074606434</cx:pt>
          <cx:pt idx="120">14.004106776180699</cx:pt>
          <cx:pt idx="121">14.026009582477755</cx:pt>
          <cx:pt idx="122">14.067077344284737</cx:pt>
          <cx:pt idx="123">14.165639972621491</cx:pt>
          <cx:pt idx="124">14.193018480492814</cx:pt>
          <cx:pt idx="125">14.217659137577002</cx:pt>
          <cx:pt idx="126">14.220396988364135</cx:pt>
          <cx:pt idx="127">14.22861054072553</cx:pt>
          <cx:pt idx="128">14.245037645448322</cx:pt>
          <cx:pt idx="129">14.253251197809719</cx:pt>
          <cx:pt idx="130">14.297056810403832</cx:pt>
          <cx:pt idx="131">14.335386721423683</cx:pt>
          <cx:pt idx="132">14.370978781656399</cx:pt>
          <cx:pt idx="133">14.387405886379192</cx:pt>
          <cx:pt idx="134">14.390143737166325</cx:pt>
          <cx:pt idx="135">14.40930869267625</cx:pt>
          <cx:pt idx="136">14.428473648186174</cx:pt>
          <cx:pt idx="137">14.439425051334702</cx:pt>
          <cx:pt idx="138">14.466803559206022</cx:pt>
          <cx:pt idx="139">14.483230663928817</cx:pt>
          <cx:pt idx="140">14.50239561943874</cx:pt>
          <cx:pt idx="141">14.507871321013004</cx:pt>
          <cx:pt idx="142">14.521560574948666</cx:pt>
          <cx:pt idx="143">14.565366187542779</cx:pt>
          <cx:pt idx="144">14.603696098562628</cx:pt>
          <cx:pt idx="145">14.669404517453799</cx:pt>
          <cx:pt idx="146">14.704996577686517</cx:pt>
          <cx:pt idx="147">14.721423682409309</cx:pt>
          <cx:pt idx="148">14.737850787132102</cx:pt>
          <cx:pt idx="149">14.762491444216289</cx:pt>
          <cx:pt idx="150">14.773442847364819</cx:pt>
          <cx:pt idx="151">14.809034907597535</cx:pt>
          <cx:pt idx="152">14.809034907597535</cx:pt>
          <cx:pt idx="153">14.817248459958932</cx:pt>
          <cx:pt idx="154">14.855578370978781</cx:pt>
          <cx:pt idx="155">14.910335386721425</cx:pt>
          <cx:pt idx="156">14.913073237508556</cx:pt>
          <cx:pt idx="157">14.932238193018481</cx:pt>
          <cx:pt idx="158">14.954140999315538</cx:pt>
          <cx:pt idx="159">14.99520876112252</cx:pt>
          <cx:pt idx="160">15.060917180013689</cx:pt>
          <cx:pt idx="161">15.082819986310746</cx:pt>
          <cx:pt idx="162">15.096509240246407</cx:pt>
          <cx:pt idx="163">15.096509240246407</cx:pt>
          <cx:pt idx="164">15.115674195756331</cx:pt>
          <cx:pt idx="165">15.126625598904859</cx:pt>
          <cx:pt idx="166">15.132101300479125</cx:pt>
          <cx:pt idx="167">15.137577002053389</cx:pt>
          <cx:pt idx="168">15.151266255989048</cx:pt>
          <cx:pt idx="169">15.178644763860369</cx:pt>
          <cx:pt idx="170">15.225188227241615</cx:pt>
          <cx:pt idx="171">15.227926078028748</cx:pt>
          <cx:pt idx="172">15.241615331964407</cx:pt>
          <cx:pt idx="173">15.247091033538672</cx:pt>
          <cx:pt idx="174">15.312799452429843</cx:pt>
          <cx:pt idx="175">15.3347022587269</cx:pt>
          <cx:pt idx="176">15.356605065023956</cx:pt>
          <cx:pt idx="177">15.381245722108146</cx:pt>
          <cx:pt idx="178">15.389459274469541</cx:pt>
          <cx:pt idx="179">15.466119096509241</cx:pt>
          <cx:pt idx="180">15.490759753593428</cx:pt>
          <cx:pt idx="181">15.501711156741958</cx:pt>
          <cx:pt idx="182">15.526351813826146</cx:pt>
          <cx:pt idx="183">15.553730321697467</cx:pt>
          <cx:pt idx="184">15.553730321697467</cx:pt>
          <cx:pt idx="185">15.559206023271731</cx:pt>
          <cx:pt idx="186">15.58384668035592</cx:pt>
          <cx:pt idx="187">15.58384668035592</cx:pt>
          <cx:pt idx="188">15.7015742642026</cx:pt>
          <cx:pt idx="189">15.720739219712526</cx:pt>
          <cx:pt idx="190">15.750855578370979</cx:pt>
          <cx:pt idx="191">15.772758384668036</cx:pt>
          <cx:pt idx="192">15.841204654346338</cx:pt>
          <cx:pt idx="193">16.005475701574266</cx:pt>
          <cx:pt idx="194">16.112251882272417</cx:pt>
          <cx:pt idx="195">16.183436002737849</cx:pt>
          <cx:pt idx="196">16.219028062970569</cx:pt>
          <cx:pt idx="197">16.320328542094455</cx:pt>
          <cx:pt idx="198">16.501026694045173</cx:pt>
          <cx:pt idx="199">16.522929500342233</cx:pt>
          <cx:pt idx="200">16.722792607802873</cx:pt>
          <cx:pt idx="201">17.051334702258728</cx:pt>
          <cx:pt idx="202">17.097878165639973</cx:pt>
          <cx:pt idx="203">17.995893223819301</cx:pt>
          <cx:pt idx="204">18.299794661190965</cx:pt>
          <cx:pt idx="205">19.049965776865161</cx:pt>
        </cx:lvl>
      </cx:numDim>
    </cx:data>
  </cx:chartData>
  <cx:chart>
    <cx:title pos="t" align="ctr" overlay="0">
      <cx:tx>
        <cx:txData>
          <cx:v>Patient Age Distribution </cx:v>
        </cx:txData>
      </cx:tx>
      <cx:txPr>
        <a:bodyPr spcFirstLastPara="1" vertOverflow="ellipsis" horzOverflow="overflow" wrap="square" lIns="0" tIns="0" rIns="0" bIns="0" anchor="ctr" anchorCtr="1"/>
        <a:lstStyle/>
        <a:p>
          <a:pPr algn="ctr" rtl="0">
            <a:defRPr/>
          </a:pPr>
          <a:r>
            <a:rPr lang="en-GB" sz="1600" b="1" i="0" u="sng" strike="noStrike" baseline="0">
              <a:solidFill>
                <a:schemeClr val="tx1"/>
              </a:solidFill>
              <a:latin typeface="Calibri" panose="020F0502020204030204"/>
            </a:rPr>
            <a:t>Patient Age Distribution </a:t>
          </a:r>
        </a:p>
      </cx:txPr>
    </cx:title>
    <cx:plotArea>
      <cx:plotAreaRegion>
        <cx:plotSurface>
          <cx:spPr>
            <a:ln>
              <a:solidFill>
                <a:schemeClr val="tx1"/>
              </a:solidFill>
            </a:ln>
          </cx:spPr>
        </cx:plotSurface>
        <cx:series layoutId="clusteredColumn" uniqueId="{BB401D40-95CD-0C49-848D-B180D1AF77E2}">
          <cx:tx>
            <cx:txData>
              <cx:f>'Procedures- Final'!$E$1</cx:f>
              <cx:v>Age</cx:v>
            </cx:txData>
          </cx:tx>
          <cx:spPr>
            <a:solidFill>
              <a:srgbClr val="0486CE"/>
            </a:solidFill>
          </cx:spPr>
          <cx:dataId val="0"/>
          <cx:layoutPr>
            <cx:binning intervalClosed="r"/>
          </cx:layoutPr>
        </cx:series>
      </cx:plotAreaRegion>
      <cx:axis id="0">
        <cx:catScaling gapWidth="0"/>
        <cx:title>
          <cx:tx>
            <cx:txData>
              <cx:v>Age</cx:v>
            </cx:txData>
          </cx:tx>
          <cx:txPr>
            <a:bodyPr spcFirstLastPara="1" vertOverflow="ellipsis" horzOverflow="overflow" wrap="square" lIns="0" tIns="0" rIns="0" bIns="0" anchor="ctr" anchorCtr="1"/>
            <a:lstStyle/>
            <a:p>
              <a:pPr algn="ctr" rtl="0">
                <a:defRPr sz="1600" b="1">
                  <a:solidFill>
                    <a:schemeClr val="tx1"/>
                  </a:solidFill>
                  <a:latin typeface="Arial" panose="020B0604020202020204" pitchFamily="34" charset="0"/>
                  <a:ea typeface="Arial" panose="020B0604020202020204" pitchFamily="34" charset="0"/>
                  <a:cs typeface="Arial" panose="020B0604020202020204" pitchFamily="34" charset="0"/>
                </a:defRPr>
              </a:pPr>
              <a:r>
                <a:rPr lang="en-GB" sz="1600" b="1" i="0" u="none" strike="noStrike" baseline="0">
                  <a:solidFill>
                    <a:schemeClr val="tx1"/>
                  </a:solidFill>
                  <a:latin typeface="Arial" panose="020B0604020202020204" pitchFamily="34" charset="0"/>
                  <a:cs typeface="Arial" panose="020B0604020202020204" pitchFamily="34" charset="0"/>
                </a:rPr>
                <a:t>Age</a:t>
              </a:r>
            </a:p>
          </cx:txPr>
        </cx:title>
        <cx:tickLabels/>
        <cx:numFmt formatCode="0" sourceLinked="0"/>
        <cx:spPr>
          <a:ln w="19050">
            <a:solidFill>
              <a:schemeClr val="tx1"/>
            </a:solidFill>
          </a:ln>
        </cx:spPr>
        <cx:txPr>
          <a:bodyPr spcFirstLastPara="1" vertOverflow="ellipsis" horzOverflow="overflow" wrap="square" lIns="0" tIns="0" rIns="0" bIns="0" anchor="ctr" anchorCtr="1"/>
          <a:lstStyle/>
          <a:p>
            <a:pPr algn="ctr" rtl="0">
              <a:defRPr sz="1200">
                <a:solidFill>
                  <a:schemeClr val="tx1"/>
                </a:solidFill>
                <a:latin typeface="Arial" panose="020B0604020202020204" pitchFamily="34" charset="0"/>
                <a:ea typeface="Arial" panose="020B0604020202020204" pitchFamily="34" charset="0"/>
                <a:cs typeface="Arial" panose="020B0604020202020204" pitchFamily="34" charset="0"/>
              </a:defRPr>
            </a:pPr>
            <a:endParaRPr lang="en-GB" sz="1200" b="0" i="0" u="none" strike="noStrike" baseline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cx:txPr>
      </cx:axis>
      <cx:axis id="1">
        <cx:valScaling/>
        <cx:title>
          <cx:tx>
            <cx:rich>
              <a:bodyPr spcFirstLastPara="1" vertOverflow="ellipsis" horzOverflow="overflow" wrap="square" lIns="0" tIns="0" rIns="0" bIns="0" anchor="ctr" anchorCtr="1"/>
              <a:lstStyle/>
              <a:p>
                <a:pPr algn="ctr" rtl="0">
                  <a:defRPr/>
                </a:pPr>
                <a:r>
                  <a:rPr lang="en-GB" sz="1600" b="1" i="0" u="none" strike="noStrike" baseline="0">
                    <a:solidFill>
                      <a:schemeClr val="tx1"/>
                    </a:solidFill>
                    <a:latin typeface="Arial" panose="020B0604020202020204" pitchFamily="34" charset="0"/>
                    <a:cs typeface="Arial" panose="020B0604020202020204" pitchFamily="34" charset="0"/>
                  </a:rPr>
                  <a:t>Patients</a:t>
                </a:r>
                <a:endParaRPr lang="en-GB" sz="900" b="1" i="0" u="none" strike="noStrike" baseline="0">
                  <a:solidFill>
                    <a:schemeClr val="tx1"/>
                  </a:solidFill>
                  <a:latin typeface="Calibri" panose="020F0502020204030204"/>
                </a:endParaRPr>
              </a:p>
            </cx:rich>
          </cx:tx>
        </cx:title>
        <cx:majorTickMarks type="out"/>
        <cx:tickLabels/>
        <cx:spPr>
          <a:ln w="19050">
            <a:solidFill>
              <a:schemeClr val="tx1"/>
            </a:solidFill>
          </a:ln>
        </cx:spPr>
        <cx:txPr>
          <a:bodyPr spcFirstLastPara="1" vertOverflow="ellipsis" horzOverflow="overflow" wrap="square" lIns="0" tIns="0" rIns="0" bIns="0" anchor="ctr" anchorCtr="1"/>
          <a:lstStyle/>
          <a:p>
            <a:pPr algn="ctr" rtl="0">
              <a:defRPr sz="1200">
                <a:solidFill>
                  <a:schemeClr val="tx1"/>
                </a:solidFill>
                <a:latin typeface="Arial" panose="020B0604020202020204" pitchFamily="34" charset="0"/>
                <a:ea typeface="Arial" panose="020B0604020202020204" pitchFamily="34" charset="0"/>
                <a:cs typeface="Arial" panose="020B0604020202020204" pitchFamily="34" charset="0"/>
              </a:defRPr>
            </a:pPr>
            <a:endParaRPr lang="en-GB" sz="1200" b="0" i="0" u="none" strike="noStrike" baseline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cx:txPr>
      </cx:axis>
    </cx:plotArea>
  </cx:chart>
  <cx:clrMapOvr bg1="lt1" tx1="dk1" bg2="lt2" tx2="dk2" accent1="accent1" accent2="accent2" accent3="accent3" accent4="accent4" accent5="accent5" accent6="accent6" hlink="hlink" folHlink="folHlink"/>
</cx:chartSpace>
</file>

<file path=ppt/charts/colors1.xml><?xml version="1.0" encoding="utf-8"?>
<cs:colorStyle xmlns:cs="http://schemas.microsoft.com/office/drawing/2012/chartStyle" xmlns:a="http://schemas.openxmlformats.org/drawingml/2006/main" meth="cycle" id="10">
  <a:schemeClr val="accent1"/>
  <a:schemeClr val="accent2"/>
  <a:schemeClr val="accent3"/>
  <a:schemeClr val="accent4"/>
  <a:schemeClr val="accent5"/>
  <a:schemeClr val="accent6"/>
  <cs:variation/>
  <cs:variation>
    <a:lumMod val="60000"/>
  </cs:variation>
  <cs:variation>
    <a:lumMod val="80000"/>
    <a:lumOff val="20000"/>
  </cs:variation>
  <cs:variation>
    <a:lumMod val="80000"/>
  </cs:variation>
  <cs:variation>
    <a:lumMod val="60000"/>
    <a:lumOff val="40000"/>
  </cs:variation>
  <cs:variation>
    <a:lumMod val="50000"/>
  </cs:variation>
  <cs:variation>
    <a:lumMod val="70000"/>
    <a:lumOff val="30000"/>
  </cs:variation>
  <cs:variation>
    <a:lumMod val="70000"/>
  </cs:variation>
  <cs:variation>
    <a:lumMod val="50000"/>
    <a:lumOff val="50000"/>
  </cs:variation>
</cs:colorStyle>
</file>

<file path=ppt/charts/style1.xml><?xml version="1.0" encoding="utf-8"?>
<cs:chartStyle xmlns:cs="http://schemas.microsoft.com/office/drawing/2012/chartStyle" xmlns:a="http://schemas.openxmlformats.org/drawingml/2006/main" id="366">
  <cs:axisTitle>
    <cs:lnRef idx="0"/>
    <cs:fillRef idx="0"/>
    <cs:effectRef idx="0"/>
    <cs:fontRef idx="minor">
      <a:schemeClr val="tx1">
        <a:lumMod val="65000"/>
        <a:lumOff val="35000"/>
      </a:schemeClr>
    </cs:fontRef>
    <cs:defRPr sz="900"/>
  </cs:axisTitle>
  <cs:categoryAxis>
    <cs:lnRef idx="0"/>
    <cs:fillRef idx="0"/>
    <cs:effectRef idx="0"/>
    <cs:fontRef idx="minor">
      <a:schemeClr val="tx1">
        <a:lumMod val="65000"/>
        <a:lumOff val="35000"/>
      </a:schemeClr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900"/>
  </cs:categoryAxis>
  <cs:chartArea mods="allowNoFillOverride allowNoLineOverride">
    <cs:lnRef idx="0"/>
    <cs:fillRef idx="0"/>
    <cs:effectRef idx="0"/>
    <cs:fontRef idx="minor">
      <a:schemeClr val="tx1"/>
    </cs:fontRef>
    <cs:spPr>
      <a:solidFill>
        <a:schemeClr val="bg1"/>
      </a:solidFill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000"/>
  </cs:chartArea>
  <cs:dataLabel>
    <cs:lnRef idx="0"/>
    <cs:fillRef idx="0"/>
    <cs:effectRef idx="0"/>
    <cs:fontRef idx="minor">
      <a:schemeClr val="tx1">
        <a:lumMod val="65000"/>
        <a:lumOff val="35000"/>
      </a:schemeClr>
    </cs:fontRef>
    <cs:defRPr sz="900"/>
  </cs:dataLabel>
  <cs:dataLabelCallout>
    <cs:lnRef idx="0"/>
    <cs:fillRef idx="0"/>
    <cs:effectRef idx="0"/>
    <cs:fontRef idx="minor">
      <a:schemeClr val="dk1">
        <a:lumMod val="65000"/>
        <a:lumOff val="35000"/>
      </a:schemeClr>
    </cs:fontRef>
    <cs:spPr>
      <a:solidFill>
        <a:schemeClr val="lt1"/>
      </a:solidFill>
      <a:ln>
        <a:solidFill>
          <a:schemeClr val="dk1">
            <a:lumMod val="25000"/>
            <a:lumOff val="75000"/>
          </a:schemeClr>
        </a:solidFill>
      </a:ln>
    </cs:spPr>
    <cs:defRPr sz="900"/>
    <cs:bodyPr rot="0" spcFirstLastPara="1" vertOverflow="clip" horzOverflow="clip" vert="horz" wrap="square" lIns="36576" tIns="18288" rIns="36576" bIns="18288" anchor="ctr" anchorCtr="1">
      <a:spAutoFit/>
    </cs:bodyPr>
  </cs:dataLabelCallout>
  <cs:dataPoint>
    <cs:lnRef idx="0"/>
    <cs:fillRef idx="0">
      <cs:styleClr val="auto"/>
    </cs:fillRef>
    <cs:effectRef idx="0"/>
    <cs:fontRef idx="minor">
      <a:schemeClr val="tx1"/>
    </cs:fontRef>
    <cs:spPr>
      <a:solidFill>
        <a:schemeClr val="phClr"/>
      </a:solidFill>
    </cs:spPr>
  </cs:dataPoint>
  <cs:dataPoint3D>
    <cs:lnRef idx="0"/>
    <cs:fillRef idx="0">
      <cs:styleClr val="auto"/>
    </cs:fillRef>
    <cs:effectRef idx="0"/>
    <cs:fontRef idx="minor">
      <a:schemeClr val="tx1"/>
    </cs:fontRef>
    <cs:spPr>
      <a:solidFill>
        <a:schemeClr val="phClr"/>
      </a:solidFill>
    </cs:spPr>
  </cs:dataPoint3D>
  <cs:dataPointLine>
    <cs:lnRef idx="0">
      <cs:styleClr val="auto"/>
    </cs:lnRef>
    <cs:fillRef idx="0"/>
    <cs:effectRef idx="0"/>
    <cs:fontRef idx="minor">
      <a:schemeClr val="tx1"/>
    </cs:fontRef>
    <cs:spPr>
      <a:ln w="28575" cap="rnd">
        <a:solidFill>
          <a:schemeClr val="phClr"/>
        </a:solidFill>
        <a:round/>
      </a:ln>
    </cs:spPr>
  </cs:dataPointLine>
  <cs:dataPointMarker>
    <cs:lnRef idx="0"/>
    <cs:fillRef idx="0">
      <cs:styleClr val="auto"/>
    </cs:fillRef>
    <cs:effectRef idx="0"/>
    <cs:fontRef idx="minor">
      <a:schemeClr val="tx1"/>
    </cs:fontRef>
    <cs:spPr>
      <a:solidFill>
        <a:schemeClr val="phClr"/>
      </a:solidFill>
      <a:ln w="9525">
        <a:solidFill>
          <a:schemeClr val="lt1"/>
        </a:solidFill>
      </a:ln>
    </cs:spPr>
  </cs:dataPointMarker>
  <cs:dataPointMarkerLayout symbol="circle" size="5"/>
  <cs:dataPointWireframe>
    <cs:lnRef idx="0">
      <cs:styleClr val="auto"/>
    </cs:lnRef>
    <cs:fillRef idx="0"/>
    <cs:effectRef idx="0"/>
    <cs:fontRef idx="minor">
      <a:schemeClr val="tx1"/>
    </cs:fontRef>
    <cs:spPr>
      <a:ln w="28575" cap="rnd">
        <a:solidFill>
          <a:schemeClr val="phClr"/>
        </a:solidFill>
        <a:round/>
      </a:ln>
    </cs:spPr>
  </cs:dataPointWireframe>
  <cs:dataTable>
    <cs:lnRef idx="0"/>
    <cs:fillRef idx="0"/>
    <cs:effectRef idx="0"/>
    <cs:fontRef idx="minor">
      <a:schemeClr val="tx1">
        <a:lumMod val="65000"/>
        <a:lumOff val="35000"/>
      </a:schemeClr>
    </cs:fontRef>
    <cs:spPr>
      <a:ln w="9525">
        <a:solidFill>
          <a:schemeClr val="tx1">
            <a:lumMod val="15000"/>
            <a:lumOff val="85000"/>
          </a:schemeClr>
        </a:solidFill>
      </a:ln>
    </cs:spPr>
    <cs:defRPr sz="900"/>
  </cs:dataTable>
  <cs:downBar>
    <cs:lnRef idx="0"/>
    <cs:fillRef idx="0"/>
    <cs:effectRef idx="0"/>
    <cs:fontRef idx="minor">
      <a:schemeClr val="dk1"/>
    </cs:fontRef>
    <cs:spPr>
      <a:solidFill>
        <a:schemeClr val="dk1">
          <a:lumMod val="65000"/>
          <a:lumOff val="35000"/>
        </a:schemeClr>
      </a:solidFill>
      <a:ln w="9525">
        <a:solidFill>
          <a:schemeClr val="tx1">
            <a:lumMod val="65000"/>
            <a:lumOff val="35000"/>
          </a:schemeClr>
        </a:solidFill>
      </a:ln>
    </cs:spPr>
  </cs:downBar>
  <cs:drop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dropLine>
  <cs:errorBa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errorBar>
  <cs:floor>
    <cs:lnRef idx="0"/>
    <cs:fillRef idx="0"/>
    <cs:effectRef idx="0"/>
    <cs:fontRef idx="minor">
      <a:schemeClr val="tx1"/>
    </cs:fontRef>
  </cs:floor>
  <cs:gridlineMaj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</cs:gridlineMajor>
  <cs:gridlineMin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</cs:gridlineMinor>
  <cs:hiLo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75000"/>
            <a:lumOff val="25000"/>
          </a:schemeClr>
        </a:solidFill>
        <a:round/>
      </a:ln>
    </cs:spPr>
  </cs:hiLoLine>
  <cs:leader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leaderLine>
  <cs:legend>
    <cs:lnRef idx="0"/>
    <cs:fillRef idx="0"/>
    <cs:effectRef idx="0"/>
    <cs:fontRef idx="minor">
      <a:schemeClr val="tx1">
        <a:lumMod val="65000"/>
        <a:lumOff val="35000"/>
      </a:schemeClr>
    </cs:fontRef>
    <cs:defRPr sz="900"/>
  </cs:legend>
  <cs:plotArea mods="allowNoFillOverride allowNoLineOverride">
    <cs:lnRef idx="0"/>
    <cs:fillRef idx="0"/>
    <cs:effectRef idx="0"/>
    <cs:fontRef idx="minor">
      <a:schemeClr val="tx1"/>
    </cs:fontRef>
  </cs:plotArea>
  <cs:plotArea3D mods="allowNoFillOverride allowNoLineOverride">
    <cs:lnRef idx="0"/>
    <cs:fillRef idx="0"/>
    <cs:effectRef idx="0"/>
    <cs:fontRef idx="minor">
      <a:schemeClr val="tx1"/>
    </cs:fontRef>
  </cs:plotArea3D>
  <cs:seriesAxis>
    <cs:lnRef idx="0"/>
    <cs:fillRef idx="0"/>
    <cs:effectRef idx="0"/>
    <cs:fontRef idx="minor">
      <a:schemeClr val="tx1">
        <a:lumMod val="65000"/>
        <a:lumOff val="35000"/>
      </a:schemeClr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900"/>
  </cs:seriesAxis>
  <cs:seriesLine>
    <cs:lnRef idx="0"/>
    <cs:fillRef idx="0"/>
    <cs:effectRef idx="0"/>
    <cs:fontRef idx="minor">
      <a:schemeClr val="tx1"/>
    </cs:fontRef>
    <cs:spPr>
      <a:ln w="9525" cap="flat">
        <a:solidFill>
          <a:srgbClr val="D9D9D9"/>
        </a:solidFill>
        <a:round/>
      </a:ln>
    </cs:spPr>
  </cs:seriesLine>
  <cs:title>
    <cs:lnRef idx="0"/>
    <cs:fillRef idx="0"/>
    <cs:effectRef idx="0"/>
    <cs:fontRef idx="minor">
      <a:schemeClr val="tx1">
        <a:lumMod val="65000"/>
        <a:lumOff val="35000"/>
      </a:schemeClr>
    </cs:fontRef>
    <cs:defRPr sz="1400"/>
  </cs:title>
  <cs:trendline>
    <cs:lnRef idx="0">
      <cs:styleClr val="auto"/>
    </cs:lnRef>
    <cs:fillRef idx="0"/>
    <cs:effectRef idx="0"/>
    <cs:fontRef idx="minor">
      <a:schemeClr val="tx1"/>
    </cs:fontRef>
    <cs:spPr>
      <a:ln w="19050" cap="rnd">
        <a:solidFill>
          <a:schemeClr val="phClr"/>
        </a:solidFill>
        <a:prstDash val="sysDash"/>
      </a:ln>
    </cs:spPr>
  </cs:trendline>
  <cs:trendlineLabel>
    <cs:lnRef idx="0"/>
    <cs:fillRef idx="0"/>
    <cs:effectRef idx="0"/>
    <cs:fontRef idx="minor">
      <a:schemeClr val="tx1">
        <a:lumMod val="65000"/>
        <a:lumOff val="35000"/>
      </a:schemeClr>
    </cs:fontRef>
    <cs:defRPr sz="900"/>
  </cs:trendlineLabel>
  <cs:upBar>
    <cs:lnRef idx="0"/>
    <cs:fillRef idx="0"/>
    <cs:effectRef idx="0"/>
    <cs:fontRef idx="minor">
      <a:schemeClr val="dk1"/>
    </cs:fontRef>
    <cs:spPr>
      <a:solidFill>
        <a:schemeClr val="lt1"/>
      </a:solidFill>
      <a:ln w="9525">
        <a:solidFill>
          <a:schemeClr val="tx1">
            <a:lumMod val="15000"/>
            <a:lumOff val="85000"/>
          </a:schemeClr>
        </a:solidFill>
      </a:ln>
    </cs:spPr>
  </cs:upBar>
  <cs:valueAxis>
    <cs:lnRef idx="0"/>
    <cs:fillRef idx="0"/>
    <cs:effectRef idx="0"/>
    <cs:fontRef idx="minor">
      <a:schemeClr val="tx1">
        <a:lumMod val="65000"/>
        <a:lumOff val="35000"/>
      </a:schemeClr>
    </cs:fontRef>
    <cs:defRPr sz="900"/>
  </cs:valueAxis>
  <cs:wall>
    <cs:lnRef idx="0"/>
    <cs:fillRef idx="0"/>
    <cs:effectRef idx="0"/>
    <cs:fontRef idx="minor">
      <a:schemeClr val="tx1"/>
    </cs:fontRef>
  </cs:wall>
</cs:chartStyle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6EE0219B-5C99-684B-B111-CFB32BF5523A}" type="datetimeFigureOut">
              <a:rPr lang="en-US" smtClean="0"/>
              <a:t>3/16/2022</a:t>
            </a:fld>
            <a:endParaRPr lang="en-US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US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A8460651-2EFA-5942-9B42-755AD7DE008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985715647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1828891" rtl="0" eaLnBrk="1" latinLnBrk="0" hangingPunct="1">
      <a:defRPr sz="2400" kern="1200">
        <a:solidFill>
          <a:schemeClr val="tx1"/>
        </a:solidFill>
        <a:latin typeface="+mn-lt"/>
        <a:ea typeface="+mn-ea"/>
        <a:cs typeface="+mn-cs"/>
      </a:defRPr>
    </a:lvl1pPr>
    <a:lvl2pPr marL="914446" algn="l" defTabSz="1828891" rtl="0" eaLnBrk="1" latinLnBrk="0" hangingPunct="1">
      <a:defRPr sz="2400" kern="1200">
        <a:solidFill>
          <a:schemeClr val="tx1"/>
        </a:solidFill>
        <a:latin typeface="+mn-lt"/>
        <a:ea typeface="+mn-ea"/>
        <a:cs typeface="+mn-cs"/>
      </a:defRPr>
    </a:lvl2pPr>
    <a:lvl3pPr marL="1828891" algn="l" defTabSz="1828891" rtl="0" eaLnBrk="1" latinLnBrk="0" hangingPunct="1">
      <a:defRPr sz="2400" kern="1200">
        <a:solidFill>
          <a:schemeClr val="tx1"/>
        </a:solidFill>
        <a:latin typeface="+mn-lt"/>
        <a:ea typeface="+mn-ea"/>
        <a:cs typeface="+mn-cs"/>
      </a:defRPr>
    </a:lvl3pPr>
    <a:lvl4pPr marL="2743337" algn="l" defTabSz="1828891" rtl="0" eaLnBrk="1" latinLnBrk="0" hangingPunct="1">
      <a:defRPr sz="2400" kern="1200">
        <a:solidFill>
          <a:schemeClr val="tx1"/>
        </a:solidFill>
        <a:latin typeface="+mn-lt"/>
        <a:ea typeface="+mn-ea"/>
        <a:cs typeface="+mn-cs"/>
      </a:defRPr>
    </a:lvl4pPr>
    <a:lvl5pPr marL="3657783" algn="l" defTabSz="1828891" rtl="0" eaLnBrk="1" latinLnBrk="0" hangingPunct="1">
      <a:defRPr sz="2400" kern="1200">
        <a:solidFill>
          <a:schemeClr val="tx1"/>
        </a:solidFill>
        <a:latin typeface="+mn-lt"/>
        <a:ea typeface="+mn-ea"/>
        <a:cs typeface="+mn-cs"/>
      </a:defRPr>
    </a:lvl5pPr>
    <a:lvl6pPr marL="4572229" algn="l" defTabSz="1828891" rtl="0" eaLnBrk="1" latinLnBrk="0" hangingPunct="1">
      <a:defRPr sz="2400" kern="1200">
        <a:solidFill>
          <a:schemeClr val="tx1"/>
        </a:solidFill>
        <a:latin typeface="+mn-lt"/>
        <a:ea typeface="+mn-ea"/>
        <a:cs typeface="+mn-cs"/>
      </a:defRPr>
    </a:lvl6pPr>
    <a:lvl7pPr marL="5486674" algn="l" defTabSz="1828891" rtl="0" eaLnBrk="1" latinLnBrk="0" hangingPunct="1">
      <a:defRPr sz="2400" kern="1200">
        <a:solidFill>
          <a:schemeClr val="tx1"/>
        </a:solidFill>
        <a:latin typeface="+mn-lt"/>
        <a:ea typeface="+mn-ea"/>
        <a:cs typeface="+mn-cs"/>
      </a:defRPr>
    </a:lvl7pPr>
    <a:lvl8pPr marL="6401120" algn="l" defTabSz="1828891" rtl="0" eaLnBrk="1" latinLnBrk="0" hangingPunct="1">
      <a:defRPr sz="2400" kern="1200">
        <a:solidFill>
          <a:schemeClr val="tx1"/>
        </a:solidFill>
        <a:latin typeface="+mn-lt"/>
        <a:ea typeface="+mn-ea"/>
        <a:cs typeface="+mn-cs"/>
      </a:defRPr>
    </a:lvl8pPr>
    <a:lvl9pPr marL="7315566" algn="l" defTabSz="1828891" rtl="0" eaLnBrk="1" latinLnBrk="0" hangingPunct="1">
      <a:defRPr sz="24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1.jpg"/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3.jpg"/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jpeg"/><Relationship Id="rId2" Type="http://schemas.openxmlformats.org/officeDocument/2006/relationships/image" Target="../media/image4.png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2.png"/></Relationships>
</file>

<file path=ppt/slideLayouts/_rels/slideLayout5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png"/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7.png"/><Relationship Id="rId4" Type="http://schemas.openxmlformats.org/officeDocument/2006/relationships/image" Target="../media/image4.png"/></Relationships>
</file>

<file path=ppt/slideLayouts/_rels/slideLayout6.xml.rels><?xml version="1.0" encoding="UTF-8" standalone="yes"?>
<Relationships xmlns="http://schemas.openxmlformats.org/package/2006/relationships"><Relationship Id="rId3" Type="http://schemas.openxmlformats.org/officeDocument/2006/relationships/image" Target="../media/image8.jpeg"/><Relationship Id="rId2" Type="http://schemas.openxmlformats.org/officeDocument/2006/relationships/image" Target="../media/image4.png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2.png"/><Relationship Id="rId4" Type="http://schemas.openxmlformats.org/officeDocument/2006/relationships/image" Target="../media/image9.png"/></Relationships>
</file>

<file path=ppt/slideLayouts/_rels/slideLayout7.xml.rels><?xml version="1.0" encoding="UTF-8" standalone="yes"?>
<Relationships xmlns="http://schemas.openxmlformats.org/package/2006/relationships"><Relationship Id="rId3" Type="http://schemas.openxmlformats.org/officeDocument/2006/relationships/image" Target="../media/image10.jpeg"/><Relationship Id="rId2" Type="http://schemas.openxmlformats.org/officeDocument/2006/relationships/image" Target="../media/image4.png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2.png"/><Relationship Id="rId4" Type="http://schemas.openxmlformats.org/officeDocument/2006/relationships/image" Target="../media/image11.png"/></Relationships>
</file>

<file path=ppt/slideLayouts/_rels/slideLayout8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3" Type="http://schemas.openxmlformats.org/officeDocument/2006/relationships/image" Target="../media/image12.png"/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Slide Opt 1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" name="Picture 9">
            <a:extLst>
              <a:ext uri="{FF2B5EF4-FFF2-40B4-BE49-F238E27FC236}">
                <a16:creationId xmlns:a16="http://schemas.microsoft.com/office/drawing/2014/main" id="{79E18B9C-DAC9-9C4C-A37B-F7FF5B8E9DD7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15671710" y="0"/>
            <a:ext cx="8734126" cy="13716000"/>
          </a:xfrm>
          <a:prstGeom prst="rect">
            <a:avLst/>
          </a:prstGeom>
        </p:spPr>
      </p:pic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562497" y="5027352"/>
            <a:ext cx="14109213" cy="2446771"/>
          </a:xfrm>
        </p:spPr>
        <p:txBody>
          <a:bodyPr anchor="t">
            <a:normAutofit/>
          </a:bodyPr>
          <a:lstStyle>
            <a:lvl1pPr marL="0" indent="0" algn="l">
              <a:tabLst>
                <a:tab pos="5080000" algn="l"/>
              </a:tabLst>
              <a:defRPr sz="8000">
                <a:solidFill>
                  <a:schemeClr val="tx2"/>
                </a:solidFill>
              </a:defRPr>
            </a:lvl1pPr>
          </a:lstStyle>
          <a:p>
            <a:r>
              <a:rPr lang="en-US" dirty="0"/>
              <a:t>Click to edit Master title style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62497" y="7638794"/>
            <a:ext cx="14109213" cy="1772493"/>
          </a:xfrm>
        </p:spPr>
        <p:txBody>
          <a:bodyPr>
            <a:normAutofit/>
          </a:bodyPr>
          <a:lstStyle>
            <a:lvl1pPr marL="0" indent="0" algn="l">
              <a:buNone/>
              <a:defRPr sz="3800">
                <a:solidFill>
                  <a:schemeClr val="tx1"/>
                </a:solidFill>
              </a:defRPr>
            </a:lvl1pPr>
            <a:lvl2pPr marL="914400" indent="0" algn="ctr">
              <a:buNone/>
              <a:defRPr sz="4000"/>
            </a:lvl2pPr>
            <a:lvl3pPr marL="1828800" indent="0" algn="ctr">
              <a:buNone/>
              <a:defRPr sz="3600"/>
            </a:lvl3pPr>
            <a:lvl4pPr marL="2743200" indent="0" algn="ctr">
              <a:buNone/>
              <a:defRPr sz="3200"/>
            </a:lvl4pPr>
            <a:lvl5pPr marL="3657600" indent="0" algn="ctr">
              <a:buNone/>
              <a:defRPr sz="3200"/>
            </a:lvl5pPr>
            <a:lvl6pPr marL="4572000" indent="0" algn="ctr">
              <a:buNone/>
              <a:defRPr sz="3200"/>
            </a:lvl6pPr>
            <a:lvl7pPr marL="5486400" indent="0" algn="ctr">
              <a:buNone/>
              <a:defRPr sz="3200"/>
            </a:lvl7pPr>
            <a:lvl8pPr marL="6400800" indent="0" algn="ctr">
              <a:buNone/>
              <a:defRPr sz="3200"/>
            </a:lvl8pPr>
            <a:lvl9pPr marL="7315200" indent="0" algn="ctr">
              <a:buNone/>
              <a:defRPr sz="3200"/>
            </a:lvl9pPr>
          </a:lstStyle>
          <a:p>
            <a:r>
              <a:rPr lang="en-US" dirty="0"/>
              <a:t>Click to edit Master subtitle style</a:t>
            </a:r>
          </a:p>
        </p:txBody>
      </p:sp>
      <p:sp>
        <p:nvSpPr>
          <p:cNvPr id="12" name="Text Placeholder 11">
            <a:extLst>
              <a:ext uri="{FF2B5EF4-FFF2-40B4-BE49-F238E27FC236}">
                <a16:creationId xmlns:a16="http://schemas.microsoft.com/office/drawing/2014/main" id="{DF398461-F956-1844-A9CD-7730826D902A}"/>
              </a:ext>
            </a:extLst>
          </p:cNvPr>
          <p:cNvSpPr>
            <a:spLocks noGrp="1"/>
          </p:cNvSpPr>
          <p:nvPr>
            <p:ph type="body" sz="quarter" idx="10"/>
          </p:nvPr>
        </p:nvSpPr>
        <p:spPr>
          <a:xfrm>
            <a:off x="1562100" y="11955221"/>
            <a:ext cx="6312937" cy="1736366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pPr lvl="0"/>
            <a:r>
              <a:rPr lang="en-US" dirty="0"/>
              <a:t>Click to edit Master text styles</a:t>
            </a:r>
          </a:p>
        </p:txBody>
      </p:sp>
      <p:pic>
        <p:nvPicPr>
          <p:cNvPr id="11" name="Picture 10">
            <a:extLst>
              <a:ext uri="{FF2B5EF4-FFF2-40B4-BE49-F238E27FC236}">
                <a16:creationId xmlns:a16="http://schemas.microsoft.com/office/drawing/2014/main" id="{89C8B632-1CC9-334E-9F9A-5487F566804A}"/>
              </a:ext>
            </a:extLst>
          </p:cNvPr>
          <p:cNvPicPr>
            <a:picLocks noChangeAspect="1"/>
          </p:cNvPicPr>
          <p:nvPr userDrawn="1"/>
        </p:nvPicPr>
        <p:blipFill>
          <a:blip r:embed="rId3"/>
          <a:stretch>
            <a:fillRect/>
          </a:stretch>
        </p:blipFill>
        <p:spPr>
          <a:xfrm>
            <a:off x="1562497" y="1660526"/>
            <a:ext cx="2644188" cy="264418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996922652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1676619" y="3651250"/>
            <a:ext cx="9688068" cy="8702676"/>
          </a:xfrm>
        </p:spPr>
        <p:txBody>
          <a:bodyPr/>
          <a:lstStyle>
            <a:lvl1pPr>
              <a:lnSpc>
                <a:spcPct val="100000"/>
              </a:lnSpc>
              <a:spcBef>
                <a:spcPts val="1400"/>
              </a:spcBef>
              <a:spcAft>
                <a:spcPts val="1200"/>
              </a:spcAft>
              <a:defRPr sz="4000"/>
            </a:lvl1pPr>
            <a:lvl2pPr>
              <a:lnSpc>
                <a:spcPts val="4400"/>
              </a:lnSpc>
              <a:spcBef>
                <a:spcPts val="1200"/>
              </a:spcBef>
              <a:spcAft>
                <a:spcPts val="900"/>
              </a:spcAft>
              <a:defRPr/>
            </a:lvl2pPr>
            <a:lvl3pPr>
              <a:lnSpc>
                <a:spcPts val="3800"/>
              </a:lnSpc>
              <a:defRPr/>
            </a:lvl3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12193588" y="3651250"/>
            <a:ext cx="9154854" cy="8702676"/>
          </a:xfrm>
        </p:spPr>
        <p:txBody>
          <a:bodyPr/>
          <a:lstStyle>
            <a:lvl1pPr>
              <a:lnSpc>
                <a:spcPct val="100000"/>
              </a:lnSpc>
              <a:spcBef>
                <a:spcPts val="1400"/>
              </a:spcBef>
              <a:spcAft>
                <a:spcPts val="1200"/>
              </a:spcAft>
              <a:defRPr sz="4000"/>
            </a:lvl1pPr>
            <a:lvl2pPr>
              <a:lnSpc>
                <a:spcPts val="4400"/>
              </a:lnSpc>
              <a:spcAft>
                <a:spcPts val="900"/>
              </a:spcAft>
              <a:defRPr/>
            </a:lvl2pPr>
            <a:lvl3pPr>
              <a:lnSpc>
                <a:spcPts val="3800"/>
              </a:lnSpc>
              <a:defRPr/>
            </a:lvl3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</p:txBody>
      </p:sp>
      <p:cxnSp>
        <p:nvCxnSpPr>
          <p:cNvPr id="8" name="Straight Connector 7">
            <a:extLst>
              <a:ext uri="{FF2B5EF4-FFF2-40B4-BE49-F238E27FC236}">
                <a16:creationId xmlns:a16="http://schemas.microsoft.com/office/drawing/2014/main" id="{1D91A492-8A46-FB42-8E7C-A1C821AA08E3}"/>
              </a:ext>
            </a:extLst>
          </p:cNvPr>
          <p:cNvCxnSpPr/>
          <p:nvPr userDrawn="1"/>
        </p:nvCxnSpPr>
        <p:spPr>
          <a:xfrm>
            <a:off x="0" y="2761864"/>
            <a:ext cx="24387175" cy="0"/>
          </a:xfrm>
          <a:prstGeom prst="line">
            <a:avLst/>
          </a:prstGeom>
          <a:ln w="44450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12" name="Picture 11">
            <a:extLst>
              <a:ext uri="{FF2B5EF4-FFF2-40B4-BE49-F238E27FC236}">
                <a16:creationId xmlns:a16="http://schemas.microsoft.com/office/drawing/2014/main" id="{1EB44409-41EF-314C-A9BC-F5C535D1913E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22047616" y="799057"/>
            <a:ext cx="1325880" cy="1325880"/>
          </a:xfrm>
          <a:prstGeom prst="rect">
            <a:avLst/>
          </a:prstGeom>
        </p:spPr>
      </p:pic>
      <p:sp>
        <p:nvSpPr>
          <p:cNvPr id="13" name="Title 1">
            <a:extLst>
              <a:ext uri="{FF2B5EF4-FFF2-40B4-BE49-F238E27FC236}">
                <a16:creationId xmlns:a16="http://schemas.microsoft.com/office/drawing/2014/main" id="{19F1E0F9-6F2F-1440-8C87-4A5A2EB09B7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676619" y="162130"/>
            <a:ext cx="19671822" cy="1962803"/>
          </a:xfrm>
        </p:spPr>
        <p:txBody>
          <a:bodyPr anchor="b"/>
          <a:lstStyle/>
          <a:p>
            <a:r>
              <a:rPr lang="en-US" dirty="0"/>
              <a:t>Click to edit Master title style</a:t>
            </a:r>
          </a:p>
        </p:txBody>
      </p:sp>
      <p:sp>
        <p:nvSpPr>
          <p:cNvPr id="14" name="Date Placeholder 3">
            <a:extLst>
              <a:ext uri="{FF2B5EF4-FFF2-40B4-BE49-F238E27FC236}">
                <a16:creationId xmlns:a16="http://schemas.microsoft.com/office/drawing/2014/main" id="{D228172E-9FB9-434C-B863-62C263A05BDD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1676618" y="12712701"/>
            <a:ext cx="5487114" cy="730250"/>
          </a:xfrm>
        </p:spPr>
        <p:txBody>
          <a:bodyPr/>
          <a:lstStyle>
            <a:lvl1pPr>
              <a:defRPr sz="2000">
                <a:solidFill>
                  <a:schemeClr val="accent5"/>
                </a:solidFill>
              </a:defRPr>
            </a:lvl1pPr>
          </a:lstStyle>
          <a:p>
            <a:endParaRPr lang="en-US" dirty="0"/>
          </a:p>
        </p:txBody>
      </p:sp>
      <p:sp>
        <p:nvSpPr>
          <p:cNvPr id="15" name="Footer Placeholder 4">
            <a:extLst>
              <a:ext uri="{FF2B5EF4-FFF2-40B4-BE49-F238E27FC236}">
                <a16:creationId xmlns:a16="http://schemas.microsoft.com/office/drawing/2014/main" id="{A5911FEE-CB24-0044-BD6E-3A38433670F0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13117769" y="12712701"/>
            <a:ext cx="8230672" cy="730250"/>
          </a:xfrm>
        </p:spPr>
        <p:txBody>
          <a:bodyPr/>
          <a:lstStyle>
            <a:lvl1pPr algn="r">
              <a:defRPr sz="2000">
                <a:solidFill>
                  <a:schemeClr val="accent5"/>
                </a:solidFill>
              </a:defRPr>
            </a:lvl1pPr>
          </a:lstStyle>
          <a:p>
            <a:r>
              <a:rPr lang="en-US" dirty="0"/>
              <a:t>Confidential &amp; Proprietary</a:t>
            </a:r>
          </a:p>
        </p:txBody>
      </p:sp>
      <p:sp>
        <p:nvSpPr>
          <p:cNvPr id="16" name="Slide Number Placeholder 5">
            <a:extLst>
              <a:ext uri="{FF2B5EF4-FFF2-40B4-BE49-F238E27FC236}">
                <a16:creationId xmlns:a16="http://schemas.microsoft.com/office/drawing/2014/main" id="{D2D81AB7-DDBE-9945-9412-605220C4688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22047616" y="12712701"/>
            <a:ext cx="942794" cy="730250"/>
          </a:xfrm>
        </p:spPr>
        <p:txBody>
          <a:bodyPr/>
          <a:lstStyle>
            <a:lvl1pPr algn="l">
              <a:defRPr>
                <a:solidFill>
                  <a:schemeClr val="tx1"/>
                </a:solidFill>
              </a:defRPr>
            </a:lvl1pPr>
          </a:lstStyle>
          <a:p>
            <a:fld id="{9F27F450-B174-D942-82E3-F13855F227CF}" type="slidenum">
              <a:rPr lang="en-US" smtClean="0"/>
              <a:pPr/>
              <a:t>‹#›</a:t>
            </a:fld>
            <a:endParaRPr lang="en-US" dirty="0"/>
          </a:p>
        </p:txBody>
      </p:sp>
      <p:cxnSp>
        <p:nvCxnSpPr>
          <p:cNvPr id="17" name="Straight Connector 16">
            <a:extLst>
              <a:ext uri="{FF2B5EF4-FFF2-40B4-BE49-F238E27FC236}">
                <a16:creationId xmlns:a16="http://schemas.microsoft.com/office/drawing/2014/main" id="{054E08B7-1F88-5F4D-9AD8-5E4E5B792739}"/>
              </a:ext>
            </a:extLst>
          </p:cNvPr>
          <p:cNvCxnSpPr>
            <a:cxnSpLocks/>
          </p:cNvCxnSpPr>
          <p:nvPr userDrawn="1"/>
        </p:nvCxnSpPr>
        <p:spPr>
          <a:xfrm>
            <a:off x="21721666" y="12712701"/>
            <a:ext cx="0" cy="1003299"/>
          </a:xfrm>
          <a:prstGeom prst="line">
            <a:avLst/>
          </a:prstGeom>
          <a:ln w="28575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3789562755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6" name="Straight Connector 5">
            <a:extLst>
              <a:ext uri="{FF2B5EF4-FFF2-40B4-BE49-F238E27FC236}">
                <a16:creationId xmlns:a16="http://schemas.microsoft.com/office/drawing/2014/main" id="{C9677BA5-3259-7140-BCC0-40D572BA031F}"/>
              </a:ext>
            </a:extLst>
          </p:cNvPr>
          <p:cNvCxnSpPr/>
          <p:nvPr userDrawn="1"/>
        </p:nvCxnSpPr>
        <p:spPr>
          <a:xfrm>
            <a:off x="0" y="2761864"/>
            <a:ext cx="24387175" cy="0"/>
          </a:xfrm>
          <a:prstGeom prst="line">
            <a:avLst/>
          </a:prstGeom>
          <a:ln w="44450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10" name="Picture 9">
            <a:extLst>
              <a:ext uri="{FF2B5EF4-FFF2-40B4-BE49-F238E27FC236}">
                <a16:creationId xmlns:a16="http://schemas.microsoft.com/office/drawing/2014/main" id="{93F110E3-662B-5143-BA20-0D0243EFE16B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22047616" y="799057"/>
            <a:ext cx="1325880" cy="1325880"/>
          </a:xfrm>
          <a:prstGeom prst="rect">
            <a:avLst/>
          </a:prstGeom>
        </p:spPr>
      </p:pic>
      <p:sp>
        <p:nvSpPr>
          <p:cNvPr id="11" name="Title 1">
            <a:extLst>
              <a:ext uri="{FF2B5EF4-FFF2-40B4-BE49-F238E27FC236}">
                <a16:creationId xmlns:a16="http://schemas.microsoft.com/office/drawing/2014/main" id="{59564491-8B4E-D84E-A748-6322C5290A19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676619" y="162130"/>
            <a:ext cx="19671822" cy="1962803"/>
          </a:xfrm>
        </p:spPr>
        <p:txBody>
          <a:bodyPr anchor="b"/>
          <a:lstStyle/>
          <a:p>
            <a:r>
              <a:rPr lang="en-US" dirty="0"/>
              <a:t>Click to edit Master title style</a:t>
            </a:r>
          </a:p>
        </p:txBody>
      </p:sp>
      <p:sp>
        <p:nvSpPr>
          <p:cNvPr id="12" name="Date Placeholder 3">
            <a:extLst>
              <a:ext uri="{FF2B5EF4-FFF2-40B4-BE49-F238E27FC236}">
                <a16:creationId xmlns:a16="http://schemas.microsoft.com/office/drawing/2014/main" id="{1B4552C3-1DC3-9641-9ED4-597C6AB88139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1676618" y="12712701"/>
            <a:ext cx="5487114" cy="730250"/>
          </a:xfrm>
        </p:spPr>
        <p:txBody>
          <a:bodyPr/>
          <a:lstStyle>
            <a:lvl1pPr>
              <a:defRPr sz="2000">
                <a:solidFill>
                  <a:schemeClr val="accent5"/>
                </a:solidFill>
              </a:defRPr>
            </a:lvl1pPr>
          </a:lstStyle>
          <a:p>
            <a:endParaRPr lang="en-US" dirty="0"/>
          </a:p>
        </p:txBody>
      </p:sp>
      <p:sp>
        <p:nvSpPr>
          <p:cNvPr id="13" name="Footer Placeholder 4">
            <a:extLst>
              <a:ext uri="{FF2B5EF4-FFF2-40B4-BE49-F238E27FC236}">
                <a16:creationId xmlns:a16="http://schemas.microsoft.com/office/drawing/2014/main" id="{B14D8D81-11CC-9E40-85D3-243CEB89E9D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13117769" y="12712701"/>
            <a:ext cx="8230672" cy="730250"/>
          </a:xfrm>
        </p:spPr>
        <p:txBody>
          <a:bodyPr/>
          <a:lstStyle>
            <a:lvl1pPr algn="r">
              <a:defRPr sz="2000">
                <a:solidFill>
                  <a:schemeClr val="accent5"/>
                </a:solidFill>
              </a:defRPr>
            </a:lvl1pPr>
          </a:lstStyle>
          <a:p>
            <a:r>
              <a:rPr lang="en-US" dirty="0"/>
              <a:t>Confidential &amp; Proprietary</a:t>
            </a:r>
          </a:p>
        </p:txBody>
      </p:sp>
      <p:sp>
        <p:nvSpPr>
          <p:cNvPr id="14" name="Slide Number Placeholder 5">
            <a:extLst>
              <a:ext uri="{FF2B5EF4-FFF2-40B4-BE49-F238E27FC236}">
                <a16:creationId xmlns:a16="http://schemas.microsoft.com/office/drawing/2014/main" id="{3A544F5F-56FD-E846-8670-6E529DC5A37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22047616" y="12712701"/>
            <a:ext cx="942794" cy="730250"/>
          </a:xfrm>
        </p:spPr>
        <p:txBody>
          <a:bodyPr/>
          <a:lstStyle>
            <a:lvl1pPr algn="l">
              <a:defRPr>
                <a:solidFill>
                  <a:schemeClr val="tx1"/>
                </a:solidFill>
              </a:defRPr>
            </a:lvl1pPr>
          </a:lstStyle>
          <a:p>
            <a:fld id="{9F27F450-B174-D942-82E3-F13855F227CF}" type="slidenum">
              <a:rPr lang="en-US" smtClean="0"/>
              <a:pPr/>
              <a:t>‹#›</a:t>
            </a:fld>
            <a:endParaRPr lang="en-US" dirty="0"/>
          </a:p>
        </p:txBody>
      </p:sp>
      <p:cxnSp>
        <p:nvCxnSpPr>
          <p:cNvPr id="15" name="Straight Connector 14">
            <a:extLst>
              <a:ext uri="{FF2B5EF4-FFF2-40B4-BE49-F238E27FC236}">
                <a16:creationId xmlns:a16="http://schemas.microsoft.com/office/drawing/2014/main" id="{9F90F667-A8D0-F448-B147-3A30F6CA317D}"/>
              </a:ext>
            </a:extLst>
          </p:cNvPr>
          <p:cNvCxnSpPr>
            <a:cxnSpLocks/>
          </p:cNvCxnSpPr>
          <p:nvPr userDrawn="1"/>
        </p:nvCxnSpPr>
        <p:spPr>
          <a:xfrm>
            <a:off x="21721666" y="12712701"/>
            <a:ext cx="0" cy="1003299"/>
          </a:xfrm>
          <a:prstGeom prst="line">
            <a:avLst/>
          </a:prstGeom>
          <a:ln w="28575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912320303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Date Placeholder 3">
            <a:extLst>
              <a:ext uri="{FF2B5EF4-FFF2-40B4-BE49-F238E27FC236}">
                <a16:creationId xmlns:a16="http://schemas.microsoft.com/office/drawing/2014/main" id="{37FD976A-A37F-AC4A-B787-99AD881EE41D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1676618" y="12712701"/>
            <a:ext cx="5487114" cy="730250"/>
          </a:xfrm>
        </p:spPr>
        <p:txBody>
          <a:bodyPr/>
          <a:lstStyle>
            <a:lvl1pPr>
              <a:defRPr sz="2000">
                <a:solidFill>
                  <a:schemeClr val="accent5"/>
                </a:solidFill>
              </a:defRPr>
            </a:lvl1pPr>
          </a:lstStyle>
          <a:p>
            <a:endParaRPr lang="en-US" dirty="0"/>
          </a:p>
        </p:txBody>
      </p:sp>
      <p:sp>
        <p:nvSpPr>
          <p:cNvPr id="9" name="Footer Placeholder 4">
            <a:extLst>
              <a:ext uri="{FF2B5EF4-FFF2-40B4-BE49-F238E27FC236}">
                <a16:creationId xmlns:a16="http://schemas.microsoft.com/office/drawing/2014/main" id="{C3F99E76-8EF4-F44F-9929-22FE2AE0F81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13117769" y="12712701"/>
            <a:ext cx="8230672" cy="730250"/>
          </a:xfrm>
        </p:spPr>
        <p:txBody>
          <a:bodyPr/>
          <a:lstStyle>
            <a:lvl1pPr algn="r">
              <a:defRPr sz="2000">
                <a:solidFill>
                  <a:schemeClr val="accent5"/>
                </a:solidFill>
              </a:defRPr>
            </a:lvl1pPr>
          </a:lstStyle>
          <a:p>
            <a:r>
              <a:rPr lang="en-US" dirty="0"/>
              <a:t>Confidential &amp; Proprietary</a:t>
            </a:r>
          </a:p>
        </p:txBody>
      </p:sp>
      <p:sp>
        <p:nvSpPr>
          <p:cNvPr id="10" name="Slide Number Placeholder 5">
            <a:extLst>
              <a:ext uri="{FF2B5EF4-FFF2-40B4-BE49-F238E27FC236}">
                <a16:creationId xmlns:a16="http://schemas.microsoft.com/office/drawing/2014/main" id="{549BEA7B-C397-4C44-85E4-0722BCDE568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22047616" y="12712701"/>
            <a:ext cx="942794" cy="730250"/>
          </a:xfrm>
        </p:spPr>
        <p:txBody>
          <a:bodyPr/>
          <a:lstStyle>
            <a:lvl1pPr algn="l">
              <a:defRPr>
                <a:solidFill>
                  <a:schemeClr val="tx1"/>
                </a:solidFill>
              </a:defRPr>
            </a:lvl1pPr>
          </a:lstStyle>
          <a:p>
            <a:fld id="{9F27F450-B174-D942-82E3-F13855F227CF}" type="slidenum">
              <a:rPr lang="en-US" smtClean="0"/>
              <a:pPr/>
              <a:t>‹#›</a:t>
            </a:fld>
            <a:endParaRPr lang="en-US" dirty="0"/>
          </a:p>
        </p:txBody>
      </p:sp>
      <p:cxnSp>
        <p:nvCxnSpPr>
          <p:cNvPr id="11" name="Straight Connector 10">
            <a:extLst>
              <a:ext uri="{FF2B5EF4-FFF2-40B4-BE49-F238E27FC236}">
                <a16:creationId xmlns:a16="http://schemas.microsoft.com/office/drawing/2014/main" id="{C52FCFD6-946F-E347-B28E-4589D30C3661}"/>
              </a:ext>
            </a:extLst>
          </p:cNvPr>
          <p:cNvCxnSpPr>
            <a:cxnSpLocks/>
          </p:cNvCxnSpPr>
          <p:nvPr userDrawn="1"/>
        </p:nvCxnSpPr>
        <p:spPr>
          <a:xfrm>
            <a:off x="21721666" y="12712701"/>
            <a:ext cx="0" cy="1003299"/>
          </a:xfrm>
          <a:prstGeom prst="line">
            <a:avLst/>
          </a:prstGeom>
          <a:ln w="28575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3141908898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Title Slide No Ed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562497" y="5027352"/>
            <a:ext cx="17548463" cy="2446771"/>
          </a:xfrm>
        </p:spPr>
        <p:txBody>
          <a:bodyPr anchor="t">
            <a:normAutofit/>
          </a:bodyPr>
          <a:lstStyle>
            <a:lvl1pPr marL="0" indent="0" algn="l">
              <a:tabLst>
                <a:tab pos="5080000" algn="l"/>
              </a:tabLst>
              <a:defRPr sz="8000">
                <a:solidFill>
                  <a:schemeClr val="tx2"/>
                </a:solidFill>
              </a:defRPr>
            </a:lvl1pPr>
          </a:lstStyle>
          <a:p>
            <a:r>
              <a:rPr lang="en-US" dirty="0"/>
              <a:t>Click to edit Master title style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62497" y="7638794"/>
            <a:ext cx="17548463" cy="1772493"/>
          </a:xfrm>
        </p:spPr>
        <p:txBody>
          <a:bodyPr>
            <a:normAutofit/>
          </a:bodyPr>
          <a:lstStyle>
            <a:lvl1pPr marL="0" indent="0" algn="l">
              <a:buNone/>
              <a:defRPr sz="3800">
                <a:solidFill>
                  <a:schemeClr val="tx1"/>
                </a:solidFill>
              </a:defRPr>
            </a:lvl1pPr>
            <a:lvl2pPr marL="914400" indent="0" algn="ctr">
              <a:buNone/>
              <a:defRPr sz="4000"/>
            </a:lvl2pPr>
            <a:lvl3pPr marL="1828800" indent="0" algn="ctr">
              <a:buNone/>
              <a:defRPr sz="3600"/>
            </a:lvl3pPr>
            <a:lvl4pPr marL="2743200" indent="0" algn="ctr">
              <a:buNone/>
              <a:defRPr sz="3200"/>
            </a:lvl4pPr>
            <a:lvl5pPr marL="3657600" indent="0" algn="ctr">
              <a:buNone/>
              <a:defRPr sz="3200"/>
            </a:lvl5pPr>
            <a:lvl6pPr marL="4572000" indent="0" algn="ctr">
              <a:buNone/>
              <a:defRPr sz="3200"/>
            </a:lvl6pPr>
            <a:lvl7pPr marL="5486400" indent="0" algn="ctr">
              <a:buNone/>
              <a:defRPr sz="3200"/>
            </a:lvl7pPr>
            <a:lvl8pPr marL="6400800" indent="0" algn="ctr">
              <a:buNone/>
              <a:defRPr sz="3200"/>
            </a:lvl8pPr>
            <a:lvl9pPr marL="7315200" indent="0" algn="ctr">
              <a:buNone/>
              <a:defRPr sz="3200"/>
            </a:lvl9pPr>
          </a:lstStyle>
          <a:p>
            <a:r>
              <a:rPr lang="en-US" dirty="0"/>
              <a:t>Click to edit Master subtitle style</a:t>
            </a:r>
          </a:p>
        </p:txBody>
      </p:sp>
      <p:sp>
        <p:nvSpPr>
          <p:cNvPr id="12" name="Text Placeholder 11">
            <a:extLst>
              <a:ext uri="{FF2B5EF4-FFF2-40B4-BE49-F238E27FC236}">
                <a16:creationId xmlns:a16="http://schemas.microsoft.com/office/drawing/2014/main" id="{DF398461-F956-1844-A9CD-7730826D902A}"/>
              </a:ext>
            </a:extLst>
          </p:cNvPr>
          <p:cNvSpPr>
            <a:spLocks noGrp="1"/>
          </p:cNvSpPr>
          <p:nvPr>
            <p:ph type="body" sz="quarter" idx="10"/>
          </p:nvPr>
        </p:nvSpPr>
        <p:spPr>
          <a:xfrm>
            <a:off x="1562100" y="11955221"/>
            <a:ext cx="6312937" cy="1736366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pPr lvl="0"/>
            <a:r>
              <a:rPr lang="en-US" dirty="0"/>
              <a:t>Click to edit Master text styles</a:t>
            </a:r>
          </a:p>
        </p:txBody>
      </p:sp>
      <p:pic>
        <p:nvPicPr>
          <p:cNvPr id="11" name="Picture 10">
            <a:extLst>
              <a:ext uri="{FF2B5EF4-FFF2-40B4-BE49-F238E27FC236}">
                <a16:creationId xmlns:a16="http://schemas.microsoft.com/office/drawing/2014/main" id="{89C8B632-1CC9-334E-9F9A-5487F566804A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1562497" y="1660526"/>
            <a:ext cx="2644188" cy="264418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996164263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Slide Simpl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Picture 2">
            <a:extLst>
              <a:ext uri="{FF2B5EF4-FFF2-40B4-BE49-F238E27FC236}">
                <a16:creationId xmlns:a16="http://schemas.microsoft.com/office/drawing/2014/main" id="{BE84BD85-F0BA-4E4B-8EF5-439EA2465DD4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2"/>
          <a:srcRect r="5998" b="26093"/>
          <a:stretch/>
        </p:blipFill>
        <p:spPr>
          <a:xfrm>
            <a:off x="0" y="0"/>
            <a:ext cx="9013371" cy="7086600"/>
          </a:xfrm>
          <a:prstGeom prst="rect">
            <a:avLst/>
          </a:prstGeom>
        </p:spPr>
      </p:pic>
      <p:sp>
        <p:nvSpPr>
          <p:cNvPr id="14" name="Title 1">
            <a:extLst>
              <a:ext uri="{FF2B5EF4-FFF2-40B4-BE49-F238E27FC236}">
                <a16:creationId xmlns:a16="http://schemas.microsoft.com/office/drawing/2014/main" id="{09C0DD58-D9A6-AD4D-8AB4-191121392C7B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6459455" y="5470428"/>
            <a:ext cx="12725401" cy="2775143"/>
          </a:xfrm>
        </p:spPr>
        <p:txBody>
          <a:bodyPr anchor="t">
            <a:normAutofit/>
          </a:bodyPr>
          <a:lstStyle>
            <a:lvl1pPr marL="0" indent="0" algn="l">
              <a:tabLst>
                <a:tab pos="5080000" algn="l"/>
              </a:tabLst>
              <a:defRPr sz="8000">
                <a:solidFill>
                  <a:schemeClr val="tx2"/>
                </a:solidFill>
              </a:defRPr>
            </a:lvl1pPr>
          </a:lstStyle>
          <a:p>
            <a:r>
              <a:rPr lang="en-US" dirty="0"/>
              <a:t>Click to edit Master title style</a:t>
            </a:r>
          </a:p>
        </p:txBody>
      </p:sp>
      <p:sp>
        <p:nvSpPr>
          <p:cNvPr id="15" name="Subtitle 2">
            <a:extLst>
              <a:ext uri="{FF2B5EF4-FFF2-40B4-BE49-F238E27FC236}">
                <a16:creationId xmlns:a16="http://schemas.microsoft.com/office/drawing/2014/main" id="{752B0B8E-F343-3345-B1E8-12D162588D1F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6459455" y="8430223"/>
            <a:ext cx="12725401" cy="1772493"/>
          </a:xfrm>
        </p:spPr>
        <p:txBody>
          <a:bodyPr>
            <a:normAutofit/>
          </a:bodyPr>
          <a:lstStyle>
            <a:lvl1pPr marL="0" indent="0" algn="l">
              <a:buNone/>
              <a:defRPr sz="3800">
                <a:solidFill>
                  <a:schemeClr val="tx1"/>
                </a:solidFill>
              </a:defRPr>
            </a:lvl1pPr>
            <a:lvl2pPr marL="914400" indent="0" algn="ctr">
              <a:buNone/>
              <a:defRPr sz="4000"/>
            </a:lvl2pPr>
            <a:lvl3pPr marL="1828800" indent="0" algn="ctr">
              <a:buNone/>
              <a:defRPr sz="3600"/>
            </a:lvl3pPr>
            <a:lvl4pPr marL="2743200" indent="0" algn="ctr">
              <a:buNone/>
              <a:defRPr sz="3200"/>
            </a:lvl4pPr>
            <a:lvl5pPr marL="3657600" indent="0" algn="ctr">
              <a:buNone/>
              <a:defRPr sz="3200"/>
            </a:lvl5pPr>
            <a:lvl6pPr marL="4572000" indent="0" algn="ctr">
              <a:buNone/>
              <a:defRPr sz="3200"/>
            </a:lvl6pPr>
            <a:lvl7pPr marL="5486400" indent="0" algn="ctr">
              <a:buNone/>
              <a:defRPr sz="3200"/>
            </a:lvl7pPr>
            <a:lvl8pPr marL="6400800" indent="0" algn="ctr">
              <a:buNone/>
              <a:defRPr sz="3200"/>
            </a:lvl8pPr>
            <a:lvl9pPr marL="7315200" indent="0" algn="ctr">
              <a:buNone/>
              <a:defRPr sz="3200"/>
            </a:lvl9pPr>
          </a:lstStyle>
          <a:p>
            <a:r>
              <a:rPr lang="en-US" dirty="0"/>
              <a:t>Click to edit Master subtitle style</a:t>
            </a:r>
          </a:p>
        </p:txBody>
      </p:sp>
      <p:pic>
        <p:nvPicPr>
          <p:cNvPr id="18" name="Picture 17">
            <a:extLst>
              <a:ext uri="{FF2B5EF4-FFF2-40B4-BE49-F238E27FC236}">
                <a16:creationId xmlns:a16="http://schemas.microsoft.com/office/drawing/2014/main" id="{A1FF5004-4FD5-7347-8370-0650B1D4F62F}"/>
              </a:ext>
            </a:extLst>
          </p:cNvPr>
          <p:cNvPicPr>
            <a:picLocks noChangeAspect="1"/>
          </p:cNvPicPr>
          <p:nvPr userDrawn="1"/>
        </p:nvPicPr>
        <p:blipFill>
          <a:blip r:embed="rId3"/>
          <a:stretch>
            <a:fillRect/>
          </a:stretch>
        </p:blipFill>
        <p:spPr>
          <a:xfrm>
            <a:off x="2273697" y="1903655"/>
            <a:ext cx="2644188" cy="264418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810969678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Title Slide Opt 2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2" name="Group 1">
            <a:extLst>
              <a:ext uri="{FF2B5EF4-FFF2-40B4-BE49-F238E27FC236}">
                <a16:creationId xmlns:a16="http://schemas.microsoft.com/office/drawing/2014/main" id="{2C8AB66B-7A35-7748-AFFA-E506F5B639F3}"/>
              </a:ext>
            </a:extLst>
          </p:cNvPr>
          <p:cNvGrpSpPr/>
          <p:nvPr userDrawn="1"/>
        </p:nvGrpSpPr>
        <p:grpSpPr>
          <a:xfrm>
            <a:off x="13852363" y="5172636"/>
            <a:ext cx="9287863" cy="8147423"/>
            <a:chOff x="13852363" y="5172636"/>
            <a:chExt cx="9287863" cy="8147423"/>
          </a:xfrm>
        </p:grpSpPr>
        <p:pic>
          <p:nvPicPr>
            <p:cNvPr id="16" name="Picture 15">
              <a:extLst>
                <a:ext uri="{FF2B5EF4-FFF2-40B4-BE49-F238E27FC236}">
                  <a16:creationId xmlns:a16="http://schemas.microsoft.com/office/drawing/2014/main" id="{212E106D-4B41-7B40-A62A-DD8E2606D465}"/>
                </a:ext>
              </a:extLst>
            </p:cNvPr>
            <p:cNvPicPr>
              <a:picLocks noChangeAspect="1"/>
            </p:cNvPicPr>
            <p:nvPr userDrawn="1"/>
          </p:nvPicPr>
          <p:blipFill>
            <a:blip r:embed="rId2"/>
            <a:stretch>
              <a:fillRect/>
            </a:stretch>
          </p:blipFill>
          <p:spPr>
            <a:xfrm>
              <a:off x="13852363" y="7808259"/>
              <a:ext cx="3949700" cy="5511800"/>
            </a:xfrm>
            <a:prstGeom prst="rect">
              <a:avLst/>
            </a:prstGeom>
          </p:spPr>
        </p:pic>
        <p:sp>
          <p:nvSpPr>
            <p:cNvPr id="9" name="Rectangle 12">
              <a:extLst>
                <a:ext uri="{FF2B5EF4-FFF2-40B4-BE49-F238E27FC236}">
                  <a16:creationId xmlns:a16="http://schemas.microsoft.com/office/drawing/2014/main" id="{8FC3767D-5F3F-7D42-850C-E93D5A85B9C6}"/>
                </a:ext>
              </a:extLst>
            </p:cNvPr>
            <p:cNvSpPr>
              <a:spLocks/>
            </p:cNvSpPr>
            <p:nvPr userDrawn="1"/>
          </p:nvSpPr>
          <p:spPr>
            <a:xfrm>
              <a:off x="16795852" y="5172636"/>
              <a:ext cx="6344374" cy="7268023"/>
            </a:xfrm>
            <a:custGeom>
              <a:avLst/>
              <a:gdLst>
                <a:gd name="connsiteX0" fmla="*/ 0 w 9141362"/>
                <a:gd name="connsiteY0" fmla="*/ 0 h 6425340"/>
                <a:gd name="connsiteX1" fmla="*/ 9141362 w 9141362"/>
                <a:gd name="connsiteY1" fmla="*/ 0 h 6425340"/>
                <a:gd name="connsiteX2" fmla="*/ 9141362 w 9141362"/>
                <a:gd name="connsiteY2" fmla="*/ 6425340 h 6425340"/>
                <a:gd name="connsiteX3" fmla="*/ 0 w 9141362"/>
                <a:gd name="connsiteY3" fmla="*/ 6425340 h 6425340"/>
                <a:gd name="connsiteX4" fmla="*/ 0 w 9141362"/>
                <a:gd name="connsiteY4" fmla="*/ 0 h 6425340"/>
                <a:gd name="connsiteX0" fmla="*/ 0 w 9141362"/>
                <a:gd name="connsiteY0" fmla="*/ 0 h 7268023"/>
                <a:gd name="connsiteX1" fmla="*/ 9141362 w 9141362"/>
                <a:gd name="connsiteY1" fmla="*/ 0 h 7268023"/>
                <a:gd name="connsiteX2" fmla="*/ 9141362 w 9141362"/>
                <a:gd name="connsiteY2" fmla="*/ 6425340 h 7268023"/>
                <a:gd name="connsiteX3" fmla="*/ 2796988 w 9141362"/>
                <a:gd name="connsiteY3" fmla="*/ 7268023 h 7268023"/>
                <a:gd name="connsiteX4" fmla="*/ 0 w 9141362"/>
                <a:gd name="connsiteY4" fmla="*/ 0 h 7268023"/>
                <a:gd name="connsiteX0" fmla="*/ 1488142 w 6344374"/>
                <a:gd name="connsiteY0" fmla="*/ 1452283 h 7268023"/>
                <a:gd name="connsiteX1" fmla="*/ 6344374 w 6344374"/>
                <a:gd name="connsiteY1" fmla="*/ 0 h 7268023"/>
                <a:gd name="connsiteX2" fmla="*/ 6344374 w 6344374"/>
                <a:gd name="connsiteY2" fmla="*/ 6425340 h 7268023"/>
                <a:gd name="connsiteX3" fmla="*/ 0 w 6344374"/>
                <a:gd name="connsiteY3" fmla="*/ 7268023 h 7268023"/>
                <a:gd name="connsiteX4" fmla="*/ 1488142 w 6344374"/>
                <a:gd name="connsiteY4" fmla="*/ 1452283 h 7268023"/>
                <a:gd name="connsiteX0" fmla="*/ 1 w 6344374"/>
                <a:gd name="connsiteY0" fmla="*/ 2043953 h 7268023"/>
                <a:gd name="connsiteX1" fmla="*/ 6344374 w 6344374"/>
                <a:gd name="connsiteY1" fmla="*/ 0 h 7268023"/>
                <a:gd name="connsiteX2" fmla="*/ 6344374 w 6344374"/>
                <a:gd name="connsiteY2" fmla="*/ 6425340 h 7268023"/>
                <a:gd name="connsiteX3" fmla="*/ 0 w 6344374"/>
                <a:gd name="connsiteY3" fmla="*/ 7268023 h 7268023"/>
                <a:gd name="connsiteX4" fmla="*/ 1 w 6344374"/>
                <a:gd name="connsiteY4" fmla="*/ 2043953 h 726802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6344374" h="7268023">
                  <a:moveTo>
                    <a:pt x="1" y="2043953"/>
                  </a:moveTo>
                  <a:lnTo>
                    <a:pt x="6344374" y="0"/>
                  </a:lnTo>
                  <a:lnTo>
                    <a:pt x="6344374" y="6425340"/>
                  </a:lnTo>
                  <a:lnTo>
                    <a:pt x="0" y="7268023"/>
                  </a:lnTo>
                  <a:cubicBezTo>
                    <a:pt x="0" y="5526666"/>
                    <a:pt x="1" y="3785310"/>
                    <a:pt x="1" y="2043953"/>
                  </a:cubicBezTo>
                  <a:close/>
                </a:path>
              </a:pathLst>
            </a:custGeom>
            <a:blipFill>
              <a:blip r:embed="rId3"/>
              <a:stretch>
                <a:fillRect/>
              </a:stretch>
            </a:blipFill>
            <a:ln w="50800"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</p:grpSp>
      <p:sp>
        <p:nvSpPr>
          <p:cNvPr id="14" name="Title 1">
            <a:extLst>
              <a:ext uri="{FF2B5EF4-FFF2-40B4-BE49-F238E27FC236}">
                <a16:creationId xmlns:a16="http://schemas.microsoft.com/office/drawing/2014/main" id="{09C0DD58-D9A6-AD4D-8AB4-191121392C7B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4935455" y="1857183"/>
            <a:ext cx="12725401" cy="2775143"/>
          </a:xfrm>
        </p:spPr>
        <p:txBody>
          <a:bodyPr anchor="t">
            <a:normAutofit/>
          </a:bodyPr>
          <a:lstStyle>
            <a:lvl1pPr marL="0" indent="0" algn="l">
              <a:tabLst>
                <a:tab pos="5080000" algn="l"/>
              </a:tabLst>
              <a:defRPr sz="8000">
                <a:solidFill>
                  <a:schemeClr val="tx2"/>
                </a:solidFill>
              </a:defRPr>
            </a:lvl1pPr>
          </a:lstStyle>
          <a:p>
            <a:r>
              <a:rPr lang="en-US" dirty="0"/>
              <a:t>Click to edit Master title style</a:t>
            </a:r>
          </a:p>
        </p:txBody>
      </p:sp>
      <p:sp>
        <p:nvSpPr>
          <p:cNvPr id="15" name="Subtitle 2">
            <a:extLst>
              <a:ext uri="{FF2B5EF4-FFF2-40B4-BE49-F238E27FC236}">
                <a16:creationId xmlns:a16="http://schemas.microsoft.com/office/drawing/2014/main" id="{752B0B8E-F343-3345-B1E8-12D162588D1F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4935455" y="4816978"/>
            <a:ext cx="12725401" cy="1772493"/>
          </a:xfrm>
        </p:spPr>
        <p:txBody>
          <a:bodyPr>
            <a:normAutofit/>
          </a:bodyPr>
          <a:lstStyle>
            <a:lvl1pPr marL="0" indent="0" algn="l">
              <a:buNone/>
              <a:defRPr sz="3800">
                <a:solidFill>
                  <a:schemeClr val="tx1"/>
                </a:solidFill>
              </a:defRPr>
            </a:lvl1pPr>
            <a:lvl2pPr marL="914400" indent="0" algn="ctr">
              <a:buNone/>
              <a:defRPr sz="4000"/>
            </a:lvl2pPr>
            <a:lvl3pPr marL="1828800" indent="0" algn="ctr">
              <a:buNone/>
              <a:defRPr sz="3600"/>
            </a:lvl3pPr>
            <a:lvl4pPr marL="2743200" indent="0" algn="ctr">
              <a:buNone/>
              <a:defRPr sz="3200"/>
            </a:lvl4pPr>
            <a:lvl5pPr marL="3657600" indent="0" algn="ctr">
              <a:buNone/>
              <a:defRPr sz="3200"/>
            </a:lvl5pPr>
            <a:lvl6pPr marL="4572000" indent="0" algn="ctr">
              <a:buNone/>
              <a:defRPr sz="3200"/>
            </a:lvl6pPr>
            <a:lvl7pPr marL="5486400" indent="0" algn="ctr">
              <a:buNone/>
              <a:defRPr sz="3200"/>
            </a:lvl7pPr>
            <a:lvl8pPr marL="6400800" indent="0" algn="ctr">
              <a:buNone/>
              <a:defRPr sz="3200"/>
            </a:lvl8pPr>
            <a:lvl9pPr marL="7315200" indent="0" algn="ctr">
              <a:buNone/>
              <a:defRPr sz="3200"/>
            </a:lvl9pPr>
          </a:lstStyle>
          <a:p>
            <a:r>
              <a:rPr lang="en-US" dirty="0"/>
              <a:t>Click to edit Master subtitle style</a:t>
            </a:r>
          </a:p>
        </p:txBody>
      </p:sp>
      <p:pic>
        <p:nvPicPr>
          <p:cNvPr id="18" name="Picture 17">
            <a:extLst>
              <a:ext uri="{FF2B5EF4-FFF2-40B4-BE49-F238E27FC236}">
                <a16:creationId xmlns:a16="http://schemas.microsoft.com/office/drawing/2014/main" id="{A1FF5004-4FD5-7347-8370-0650B1D4F62F}"/>
              </a:ext>
            </a:extLst>
          </p:cNvPr>
          <p:cNvPicPr>
            <a:picLocks noChangeAspect="1"/>
          </p:cNvPicPr>
          <p:nvPr userDrawn="1"/>
        </p:nvPicPr>
        <p:blipFill>
          <a:blip r:embed="rId4"/>
          <a:stretch>
            <a:fillRect/>
          </a:stretch>
        </p:blipFill>
        <p:spPr>
          <a:xfrm>
            <a:off x="1562497" y="1660526"/>
            <a:ext cx="2644188" cy="264418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55870872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Slide Opt 3 - Education Institu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4935455" y="1857183"/>
            <a:ext cx="12725401" cy="2775143"/>
          </a:xfrm>
        </p:spPr>
        <p:txBody>
          <a:bodyPr anchor="t">
            <a:normAutofit/>
          </a:bodyPr>
          <a:lstStyle>
            <a:lvl1pPr marL="0" indent="0" algn="l">
              <a:tabLst>
                <a:tab pos="5080000" algn="l"/>
              </a:tabLst>
              <a:defRPr sz="8000">
                <a:solidFill>
                  <a:schemeClr val="tx2"/>
                </a:solidFill>
              </a:defRPr>
            </a:lvl1pPr>
          </a:lstStyle>
          <a:p>
            <a:r>
              <a:rPr lang="en-US" dirty="0"/>
              <a:t>Click to edit Master title style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4935455" y="4816978"/>
            <a:ext cx="12725401" cy="1772493"/>
          </a:xfrm>
        </p:spPr>
        <p:txBody>
          <a:bodyPr>
            <a:normAutofit/>
          </a:bodyPr>
          <a:lstStyle>
            <a:lvl1pPr marL="0" indent="0" algn="l">
              <a:buNone/>
              <a:defRPr sz="3800">
                <a:solidFill>
                  <a:schemeClr val="tx1"/>
                </a:solidFill>
              </a:defRPr>
            </a:lvl1pPr>
            <a:lvl2pPr marL="914400" indent="0" algn="ctr">
              <a:buNone/>
              <a:defRPr sz="4000"/>
            </a:lvl2pPr>
            <a:lvl3pPr marL="1828800" indent="0" algn="ctr">
              <a:buNone/>
              <a:defRPr sz="3600"/>
            </a:lvl3pPr>
            <a:lvl4pPr marL="2743200" indent="0" algn="ctr">
              <a:buNone/>
              <a:defRPr sz="3200"/>
            </a:lvl4pPr>
            <a:lvl5pPr marL="3657600" indent="0" algn="ctr">
              <a:buNone/>
              <a:defRPr sz="3200"/>
            </a:lvl5pPr>
            <a:lvl6pPr marL="4572000" indent="0" algn="ctr">
              <a:buNone/>
              <a:defRPr sz="3200"/>
            </a:lvl6pPr>
            <a:lvl7pPr marL="5486400" indent="0" algn="ctr">
              <a:buNone/>
              <a:defRPr sz="3200"/>
            </a:lvl7pPr>
            <a:lvl8pPr marL="6400800" indent="0" algn="ctr">
              <a:buNone/>
              <a:defRPr sz="3200"/>
            </a:lvl8pPr>
            <a:lvl9pPr marL="7315200" indent="0" algn="ctr">
              <a:buNone/>
              <a:defRPr sz="3200"/>
            </a:lvl9pPr>
          </a:lstStyle>
          <a:p>
            <a:r>
              <a:rPr lang="en-US" dirty="0"/>
              <a:t>Click to edit Master subtitle style</a:t>
            </a:r>
          </a:p>
        </p:txBody>
      </p:sp>
      <p:pic>
        <p:nvPicPr>
          <p:cNvPr id="8" name="Picture 7">
            <a:extLst>
              <a:ext uri="{FF2B5EF4-FFF2-40B4-BE49-F238E27FC236}">
                <a16:creationId xmlns:a16="http://schemas.microsoft.com/office/drawing/2014/main" id="{F6AD13E7-9C03-3B41-BF2C-7B84452F9518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1562497" y="1660526"/>
            <a:ext cx="2644188" cy="2644188"/>
          </a:xfrm>
          <a:prstGeom prst="rect">
            <a:avLst/>
          </a:prstGeom>
        </p:spPr>
      </p:pic>
      <p:pic>
        <p:nvPicPr>
          <p:cNvPr id="5" name="Picture 4">
            <a:extLst>
              <a:ext uri="{FF2B5EF4-FFF2-40B4-BE49-F238E27FC236}">
                <a16:creationId xmlns:a16="http://schemas.microsoft.com/office/drawing/2014/main" id="{44ED605C-31CE-084D-96A9-FDD0103B874B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3" cstate="hq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1383204" y="12390039"/>
            <a:ext cx="5226087" cy="812324"/>
          </a:xfrm>
          <a:prstGeom prst="rect">
            <a:avLst/>
          </a:prstGeom>
        </p:spPr>
      </p:pic>
      <p:grpSp>
        <p:nvGrpSpPr>
          <p:cNvPr id="4" name="Group 3">
            <a:extLst>
              <a:ext uri="{FF2B5EF4-FFF2-40B4-BE49-F238E27FC236}">
                <a16:creationId xmlns:a16="http://schemas.microsoft.com/office/drawing/2014/main" id="{4F6FF138-088A-334E-88B8-A03EA3A5D588}"/>
              </a:ext>
            </a:extLst>
          </p:cNvPr>
          <p:cNvGrpSpPr/>
          <p:nvPr userDrawn="1"/>
        </p:nvGrpSpPr>
        <p:grpSpPr>
          <a:xfrm>
            <a:off x="13852363" y="5172636"/>
            <a:ext cx="9287863" cy="8147423"/>
            <a:chOff x="13852363" y="5172636"/>
            <a:chExt cx="9287863" cy="8147423"/>
          </a:xfrm>
        </p:grpSpPr>
        <p:pic>
          <p:nvPicPr>
            <p:cNvPr id="16" name="Picture 15">
              <a:extLst>
                <a:ext uri="{FF2B5EF4-FFF2-40B4-BE49-F238E27FC236}">
                  <a16:creationId xmlns:a16="http://schemas.microsoft.com/office/drawing/2014/main" id="{212E106D-4B41-7B40-A62A-DD8E2606D465}"/>
                </a:ext>
              </a:extLst>
            </p:cNvPr>
            <p:cNvPicPr>
              <a:picLocks noChangeAspect="1"/>
            </p:cNvPicPr>
            <p:nvPr userDrawn="1"/>
          </p:nvPicPr>
          <p:blipFill>
            <a:blip r:embed="rId4"/>
            <a:stretch>
              <a:fillRect/>
            </a:stretch>
          </p:blipFill>
          <p:spPr>
            <a:xfrm>
              <a:off x="13852363" y="7808259"/>
              <a:ext cx="3949700" cy="5511800"/>
            </a:xfrm>
            <a:prstGeom prst="rect">
              <a:avLst/>
            </a:prstGeom>
          </p:spPr>
        </p:pic>
        <p:sp>
          <p:nvSpPr>
            <p:cNvPr id="13" name="Rectangle 12">
              <a:extLst>
                <a:ext uri="{FF2B5EF4-FFF2-40B4-BE49-F238E27FC236}">
                  <a16:creationId xmlns:a16="http://schemas.microsoft.com/office/drawing/2014/main" id="{61978459-0FB6-5742-A474-2ABEEA4C8AE3}"/>
                </a:ext>
              </a:extLst>
            </p:cNvPr>
            <p:cNvSpPr>
              <a:spLocks/>
            </p:cNvSpPr>
            <p:nvPr userDrawn="1"/>
          </p:nvSpPr>
          <p:spPr>
            <a:xfrm>
              <a:off x="16795852" y="5172636"/>
              <a:ext cx="6344374" cy="7268023"/>
            </a:xfrm>
            <a:custGeom>
              <a:avLst/>
              <a:gdLst>
                <a:gd name="connsiteX0" fmla="*/ 0 w 9141362"/>
                <a:gd name="connsiteY0" fmla="*/ 0 h 6425340"/>
                <a:gd name="connsiteX1" fmla="*/ 9141362 w 9141362"/>
                <a:gd name="connsiteY1" fmla="*/ 0 h 6425340"/>
                <a:gd name="connsiteX2" fmla="*/ 9141362 w 9141362"/>
                <a:gd name="connsiteY2" fmla="*/ 6425340 h 6425340"/>
                <a:gd name="connsiteX3" fmla="*/ 0 w 9141362"/>
                <a:gd name="connsiteY3" fmla="*/ 6425340 h 6425340"/>
                <a:gd name="connsiteX4" fmla="*/ 0 w 9141362"/>
                <a:gd name="connsiteY4" fmla="*/ 0 h 6425340"/>
                <a:gd name="connsiteX0" fmla="*/ 0 w 9141362"/>
                <a:gd name="connsiteY0" fmla="*/ 0 h 7268023"/>
                <a:gd name="connsiteX1" fmla="*/ 9141362 w 9141362"/>
                <a:gd name="connsiteY1" fmla="*/ 0 h 7268023"/>
                <a:gd name="connsiteX2" fmla="*/ 9141362 w 9141362"/>
                <a:gd name="connsiteY2" fmla="*/ 6425340 h 7268023"/>
                <a:gd name="connsiteX3" fmla="*/ 2796988 w 9141362"/>
                <a:gd name="connsiteY3" fmla="*/ 7268023 h 7268023"/>
                <a:gd name="connsiteX4" fmla="*/ 0 w 9141362"/>
                <a:gd name="connsiteY4" fmla="*/ 0 h 7268023"/>
                <a:gd name="connsiteX0" fmla="*/ 1488142 w 6344374"/>
                <a:gd name="connsiteY0" fmla="*/ 1452283 h 7268023"/>
                <a:gd name="connsiteX1" fmla="*/ 6344374 w 6344374"/>
                <a:gd name="connsiteY1" fmla="*/ 0 h 7268023"/>
                <a:gd name="connsiteX2" fmla="*/ 6344374 w 6344374"/>
                <a:gd name="connsiteY2" fmla="*/ 6425340 h 7268023"/>
                <a:gd name="connsiteX3" fmla="*/ 0 w 6344374"/>
                <a:gd name="connsiteY3" fmla="*/ 7268023 h 7268023"/>
                <a:gd name="connsiteX4" fmla="*/ 1488142 w 6344374"/>
                <a:gd name="connsiteY4" fmla="*/ 1452283 h 7268023"/>
                <a:gd name="connsiteX0" fmla="*/ 1 w 6344374"/>
                <a:gd name="connsiteY0" fmla="*/ 2043953 h 7268023"/>
                <a:gd name="connsiteX1" fmla="*/ 6344374 w 6344374"/>
                <a:gd name="connsiteY1" fmla="*/ 0 h 7268023"/>
                <a:gd name="connsiteX2" fmla="*/ 6344374 w 6344374"/>
                <a:gd name="connsiteY2" fmla="*/ 6425340 h 7268023"/>
                <a:gd name="connsiteX3" fmla="*/ 0 w 6344374"/>
                <a:gd name="connsiteY3" fmla="*/ 7268023 h 7268023"/>
                <a:gd name="connsiteX4" fmla="*/ 1 w 6344374"/>
                <a:gd name="connsiteY4" fmla="*/ 2043953 h 726802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6344374" h="7268023">
                  <a:moveTo>
                    <a:pt x="1" y="2043953"/>
                  </a:moveTo>
                  <a:lnTo>
                    <a:pt x="6344374" y="0"/>
                  </a:lnTo>
                  <a:lnTo>
                    <a:pt x="6344374" y="6425340"/>
                  </a:lnTo>
                  <a:lnTo>
                    <a:pt x="0" y="7268023"/>
                  </a:lnTo>
                  <a:cubicBezTo>
                    <a:pt x="0" y="5526666"/>
                    <a:pt x="1" y="3785310"/>
                    <a:pt x="1" y="2043953"/>
                  </a:cubicBezTo>
                  <a:close/>
                </a:path>
              </a:pathLst>
            </a:custGeom>
            <a:blipFill>
              <a:blip r:embed="rId5"/>
              <a:stretch>
                <a:fillRect/>
              </a:stretch>
            </a:blipFill>
            <a:ln w="50800"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</p:grpSp>
    </p:spTree>
    <p:extLst>
      <p:ext uri="{BB962C8B-B14F-4D97-AF65-F5344CB8AC3E}">
        <p14:creationId xmlns:p14="http://schemas.microsoft.com/office/powerpoint/2010/main" val="407134665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Slide Opt 4 - Research Institu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2" name="Group 1">
            <a:extLst>
              <a:ext uri="{FF2B5EF4-FFF2-40B4-BE49-F238E27FC236}">
                <a16:creationId xmlns:a16="http://schemas.microsoft.com/office/drawing/2014/main" id="{6DBCDA7E-D517-AC48-8BAE-65E4697E2C35}"/>
              </a:ext>
            </a:extLst>
          </p:cNvPr>
          <p:cNvGrpSpPr/>
          <p:nvPr userDrawn="1"/>
        </p:nvGrpSpPr>
        <p:grpSpPr>
          <a:xfrm>
            <a:off x="13852363" y="5172636"/>
            <a:ext cx="9287863" cy="8147423"/>
            <a:chOff x="13852363" y="5172636"/>
            <a:chExt cx="9287863" cy="8147423"/>
          </a:xfrm>
        </p:grpSpPr>
        <p:pic>
          <p:nvPicPr>
            <p:cNvPr id="16" name="Picture 15">
              <a:extLst>
                <a:ext uri="{FF2B5EF4-FFF2-40B4-BE49-F238E27FC236}">
                  <a16:creationId xmlns:a16="http://schemas.microsoft.com/office/drawing/2014/main" id="{212E106D-4B41-7B40-A62A-DD8E2606D465}"/>
                </a:ext>
              </a:extLst>
            </p:cNvPr>
            <p:cNvPicPr>
              <a:picLocks noChangeAspect="1"/>
            </p:cNvPicPr>
            <p:nvPr userDrawn="1"/>
          </p:nvPicPr>
          <p:blipFill>
            <a:blip r:embed="rId2"/>
            <a:stretch>
              <a:fillRect/>
            </a:stretch>
          </p:blipFill>
          <p:spPr>
            <a:xfrm>
              <a:off x="13852363" y="7808259"/>
              <a:ext cx="3949700" cy="5511800"/>
            </a:xfrm>
            <a:prstGeom prst="rect">
              <a:avLst/>
            </a:prstGeom>
          </p:spPr>
        </p:pic>
        <p:sp>
          <p:nvSpPr>
            <p:cNvPr id="17" name="Rectangle 12">
              <a:extLst>
                <a:ext uri="{FF2B5EF4-FFF2-40B4-BE49-F238E27FC236}">
                  <a16:creationId xmlns:a16="http://schemas.microsoft.com/office/drawing/2014/main" id="{D0108B4E-4ABA-8542-930C-BE6EBA0AC74C}"/>
                </a:ext>
              </a:extLst>
            </p:cNvPr>
            <p:cNvSpPr>
              <a:spLocks/>
            </p:cNvSpPr>
            <p:nvPr userDrawn="1"/>
          </p:nvSpPr>
          <p:spPr>
            <a:xfrm>
              <a:off x="16795852" y="5172636"/>
              <a:ext cx="6344374" cy="7268023"/>
            </a:xfrm>
            <a:custGeom>
              <a:avLst/>
              <a:gdLst>
                <a:gd name="connsiteX0" fmla="*/ 0 w 9141362"/>
                <a:gd name="connsiteY0" fmla="*/ 0 h 6425340"/>
                <a:gd name="connsiteX1" fmla="*/ 9141362 w 9141362"/>
                <a:gd name="connsiteY1" fmla="*/ 0 h 6425340"/>
                <a:gd name="connsiteX2" fmla="*/ 9141362 w 9141362"/>
                <a:gd name="connsiteY2" fmla="*/ 6425340 h 6425340"/>
                <a:gd name="connsiteX3" fmla="*/ 0 w 9141362"/>
                <a:gd name="connsiteY3" fmla="*/ 6425340 h 6425340"/>
                <a:gd name="connsiteX4" fmla="*/ 0 w 9141362"/>
                <a:gd name="connsiteY4" fmla="*/ 0 h 6425340"/>
                <a:gd name="connsiteX0" fmla="*/ 0 w 9141362"/>
                <a:gd name="connsiteY0" fmla="*/ 0 h 7268023"/>
                <a:gd name="connsiteX1" fmla="*/ 9141362 w 9141362"/>
                <a:gd name="connsiteY1" fmla="*/ 0 h 7268023"/>
                <a:gd name="connsiteX2" fmla="*/ 9141362 w 9141362"/>
                <a:gd name="connsiteY2" fmla="*/ 6425340 h 7268023"/>
                <a:gd name="connsiteX3" fmla="*/ 2796988 w 9141362"/>
                <a:gd name="connsiteY3" fmla="*/ 7268023 h 7268023"/>
                <a:gd name="connsiteX4" fmla="*/ 0 w 9141362"/>
                <a:gd name="connsiteY4" fmla="*/ 0 h 7268023"/>
                <a:gd name="connsiteX0" fmla="*/ 1488142 w 6344374"/>
                <a:gd name="connsiteY0" fmla="*/ 1452283 h 7268023"/>
                <a:gd name="connsiteX1" fmla="*/ 6344374 w 6344374"/>
                <a:gd name="connsiteY1" fmla="*/ 0 h 7268023"/>
                <a:gd name="connsiteX2" fmla="*/ 6344374 w 6344374"/>
                <a:gd name="connsiteY2" fmla="*/ 6425340 h 7268023"/>
                <a:gd name="connsiteX3" fmla="*/ 0 w 6344374"/>
                <a:gd name="connsiteY3" fmla="*/ 7268023 h 7268023"/>
                <a:gd name="connsiteX4" fmla="*/ 1488142 w 6344374"/>
                <a:gd name="connsiteY4" fmla="*/ 1452283 h 7268023"/>
                <a:gd name="connsiteX0" fmla="*/ 1 w 6344374"/>
                <a:gd name="connsiteY0" fmla="*/ 2043953 h 7268023"/>
                <a:gd name="connsiteX1" fmla="*/ 6344374 w 6344374"/>
                <a:gd name="connsiteY1" fmla="*/ 0 h 7268023"/>
                <a:gd name="connsiteX2" fmla="*/ 6344374 w 6344374"/>
                <a:gd name="connsiteY2" fmla="*/ 6425340 h 7268023"/>
                <a:gd name="connsiteX3" fmla="*/ 0 w 6344374"/>
                <a:gd name="connsiteY3" fmla="*/ 7268023 h 7268023"/>
                <a:gd name="connsiteX4" fmla="*/ 1 w 6344374"/>
                <a:gd name="connsiteY4" fmla="*/ 2043953 h 726802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6344374" h="7268023">
                  <a:moveTo>
                    <a:pt x="1" y="2043953"/>
                  </a:moveTo>
                  <a:lnTo>
                    <a:pt x="6344374" y="0"/>
                  </a:lnTo>
                  <a:lnTo>
                    <a:pt x="6344374" y="6425340"/>
                  </a:lnTo>
                  <a:lnTo>
                    <a:pt x="0" y="7268023"/>
                  </a:lnTo>
                  <a:cubicBezTo>
                    <a:pt x="0" y="5526666"/>
                    <a:pt x="1" y="3785310"/>
                    <a:pt x="1" y="2043953"/>
                  </a:cubicBezTo>
                  <a:close/>
                </a:path>
              </a:pathLst>
            </a:custGeom>
            <a:blipFill>
              <a:blip r:embed="rId3"/>
              <a:stretch>
                <a:fillRect/>
              </a:stretch>
            </a:blipFill>
            <a:ln w="50800"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</p:grpSp>
      <p:pic>
        <p:nvPicPr>
          <p:cNvPr id="18" name="Picture 17">
            <a:extLst>
              <a:ext uri="{FF2B5EF4-FFF2-40B4-BE49-F238E27FC236}">
                <a16:creationId xmlns:a16="http://schemas.microsoft.com/office/drawing/2014/main" id="{FC73575B-4B5C-1A4F-9EA3-8B7EDAFF2902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4" cstate="hq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1383203" y="12247011"/>
            <a:ext cx="5226087" cy="812324"/>
          </a:xfrm>
          <a:prstGeom prst="rect">
            <a:avLst/>
          </a:prstGeom>
        </p:spPr>
      </p:pic>
      <p:sp>
        <p:nvSpPr>
          <p:cNvPr id="20" name="Title 1">
            <a:extLst>
              <a:ext uri="{FF2B5EF4-FFF2-40B4-BE49-F238E27FC236}">
                <a16:creationId xmlns:a16="http://schemas.microsoft.com/office/drawing/2014/main" id="{F4C03E72-CA6F-634D-9B44-8F65EBD8944F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4935455" y="1857183"/>
            <a:ext cx="12725401" cy="2775143"/>
          </a:xfrm>
        </p:spPr>
        <p:txBody>
          <a:bodyPr anchor="t">
            <a:normAutofit/>
          </a:bodyPr>
          <a:lstStyle>
            <a:lvl1pPr marL="0" indent="0" algn="l">
              <a:tabLst>
                <a:tab pos="5080000" algn="l"/>
              </a:tabLst>
              <a:defRPr sz="8000">
                <a:solidFill>
                  <a:schemeClr val="tx2"/>
                </a:solidFill>
              </a:defRPr>
            </a:lvl1pPr>
          </a:lstStyle>
          <a:p>
            <a:r>
              <a:rPr lang="en-US" dirty="0"/>
              <a:t>Click to edit Master title style</a:t>
            </a:r>
          </a:p>
        </p:txBody>
      </p:sp>
      <p:sp>
        <p:nvSpPr>
          <p:cNvPr id="21" name="Subtitle 2">
            <a:extLst>
              <a:ext uri="{FF2B5EF4-FFF2-40B4-BE49-F238E27FC236}">
                <a16:creationId xmlns:a16="http://schemas.microsoft.com/office/drawing/2014/main" id="{2DC72C83-B2E1-A94F-A9EF-52724DEFFE23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4935455" y="4816978"/>
            <a:ext cx="12725401" cy="1772493"/>
          </a:xfrm>
        </p:spPr>
        <p:txBody>
          <a:bodyPr>
            <a:normAutofit/>
          </a:bodyPr>
          <a:lstStyle>
            <a:lvl1pPr marL="0" indent="0" algn="l">
              <a:buNone/>
              <a:defRPr sz="3800">
                <a:solidFill>
                  <a:schemeClr val="tx1"/>
                </a:solidFill>
              </a:defRPr>
            </a:lvl1pPr>
            <a:lvl2pPr marL="914400" indent="0" algn="ctr">
              <a:buNone/>
              <a:defRPr sz="4000"/>
            </a:lvl2pPr>
            <a:lvl3pPr marL="1828800" indent="0" algn="ctr">
              <a:buNone/>
              <a:defRPr sz="3600"/>
            </a:lvl3pPr>
            <a:lvl4pPr marL="2743200" indent="0" algn="ctr">
              <a:buNone/>
              <a:defRPr sz="3200"/>
            </a:lvl4pPr>
            <a:lvl5pPr marL="3657600" indent="0" algn="ctr">
              <a:buNone/>
              <a:defRPr sz="3200"/>
            </a:lvl5pPr>
            <a:lvl6pPr marL="4572000" indent="0" algn="ctr">
              <a:buNone/>
              <a:defRPr sz="3200"/>
            </a:lvl6pPr>
            <a:lvl7pPr marL="5486400" indent="0" algn="ctr">
              <a:buNone/>
              <a:defRPr sz="3200"/>
            </a:lvl7pPr>
            <a:lvl8pPr marL="6400800" indent="0" algn="ctr">
              <a:buNone/>
              <a:defRPr sz="3200"/>
            </a:lvl8pPr>
            <a:lvl9pPr marL="7315200" indent="0" algn="ctr">
              <a:buNone/>
              <a:defRPr sz="3200"/>
            </a:lvl9pPr>
          </a:lstStyle>
          <a:p>
            <a:r>
              <a:rPr lang="en-US" dirty="0"/>
              <a:t>Click to edit Master subtitle style</a:t>
            </a:r>
          </a:p>
        </p:txBody>
      </p:sp>
      <p:pic>
        <p:nvPicPr>
          <p:cNvPr id="22" name="Picture 21">
            <a:extLst>
              <a:ext uri="{FF2B5EF4-FFF2-40B4-BE49-F238E27FC236}">
                <a16:creationId xmlns:a16="http://schemas.microsoft.com/office/drawing/2014/main" id="{FD9C31C5-A3D8-9148-8413-E97CEE848926}"/>
              </a:ext>
            </a:extLst>
          </p:cNvPr>
          <p:cNvPicPr>
            <a:picLocks noChangeAspect="1"/>
          </p:cNvPicPr>
          <p:nvPr userDrawn="1"/>
        </p:nvPicPr>
        <p:blipFill>
          <a:blip r:embed="rId5"/>
          <a:stretch>
            <a:fillRect/>
          </a:stretch>
        </p:blipFill>
        <p:spPr>
          <a:xfrm>
            <a:off x="1562497" y="1660526"/>
            <a:ext cx="2644188" cy="264418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040289678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Slide Opt 5 - Innovation Institu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2" name="Group 1">
            <a:extLst>
              <a:ext uri="{FF2B5EF4-FFF2-40B4-BE49-F238E27FC236}">
                <a16:creationId xmlns:a16="http://schemas.microsoft.com/office/drawing/2014/main" id="{B62BEEF5-C6DF-D143-B2F4-778D6C83B353}"/>
              </a:ext>
            </a:extLst>
          </p:cNvPr>
          <p:cNvGrpSpPr/>
          <p:nvPr userDrawn="1"/>
        </p:nvGrpSpPr>
        <p:grpSpPr>
          <a:xfrm>
            <a:off x="13852363" y="5172636"/>
            <a:ext cx="9287863" cy="8147423"/>
            <a:chOff x="13852363" y="5172636"/>
            <a:chExt cx="9287863" cy="8147423"/>
          </a:xfrm>
        </p:grpSpPr>
        <p:pic>
          <p:nvPicPr>
            <p:cNvPr id="16" name="Picture 15">
              <a:extLst>
                <a:ext uri="{FF2B5EF4-FFF2-40B4-BE49-F238E27FC236}">
                  <a16:creationId xmlns:a16="http://schemas.microsoft.com/office/drawing/2014/main" id="{212E106D-4B41-7B40-A62A-DD8E2606D465}"/>
                </a:ext>
              </a:extLst>
            </p:cNvPr>
            <p:cNvPicPr>
              <a:picLocks noChangeAspect="1"/>
            </p:cNvPicPr>
            <p:nvPr userDrawn="1"/>
          </p:nvPicPr>
          <p:blipFill>
            <a:blip r:embed="rId2"/>
            <a:stretch>
              <a:fillRect/>
            </a:stretch>
          </p:blipFill>
          <p:spPr>
            <a:xfrm>
              <a:off x="13852363" y="7808259"/>
              <a:ext cx="3949700" cy="5511800"/>
            </a:xfrm>
            <a:prstGeom prst="rect">
              <a:avLst/>
            </a:prstGeom>
          </p:spPr>
        </p:pic>
        <p:sp>
          <p:nvSpPr>
            <p:cNvPr id="17" name="Rectangle 12">
              <a:extLst>
                <a:ext uri="{FF2B5EF4-FFF2-40B4-BE49-F238E27FC236}">
                  <a16:creationId xmlns:a16="http://schemas.microsoft.com/office/drawing/2014/main" id="{D0108B4E-4ABA-8542-930C-BE6EBA0AC74C}"/>
                </a:ext>
              </a:extLst>
            </p:cNvPr>
            <p:cNvSpPr>
              <a:spLocks/>
            </p:cNvSpPr>
            <p:nvPr userDrawn="1"/>
          </p:nvSpPr>
          <p:spPr>
            <a:xfrm>
              <a:off x="16795852" y="5172636"/>
              <a:ext cx="6344374" cy="7268023"/>
            </a:xfrm>
            <a:custGeom>
              <a:avLst/>
              <a:gdLst>
                <a:gd name="connsiteX0" fmla="*/ 0 w 9141362"/>
                <a:gd name="connsiteY0" fmla="*/ 0 h 6425340"/>
                <a:gd name="connsiteX1" fmla="*/ 9141362 w 9141362"/>
                <a:gd name="connsiteY1" fmla="*/ 0 h 6425340"/>
                <a:gd name="connsiteX2" fmla="*/ 9141362 w 9141362"/>
                <a:gd name="connsiteY2" fmla="*/ 6425340 h 6425340"/>
                <a:gd name="connsiteX3" fmla="*/ 0 w 9141362"/>
                <a:gd name="connsiteY3" fmla="*/ 6425340 h 6425340"/>
                <a:gd name="connsiteX4" fmla="*/ 0 w 9141362"/>
                <a:gd name="connsiteY4" fmla="*/ 0 h 6425340"/>
                <a:gd name="connsiteX0" fmla="*/ 0 w 9141362"/>
                <a:gd name="connsiteY0" fmla="*/ 0 h 7268023"/>
                <a:gd name="connsiteX1" fmla="*/ 9141362 w 9141362"/>
                <a:gd name="connsiteY1" fmla="*/ 0 h 7268023"/>
                <a:gd name="connsiteX2" fmla="*/ 9141362 w 9141362"/>
                <a:gd name="connsiteY2" fmla="*/ 6425340 h 7268023"/>
                <a:gd name="connsiteX3" fmla="*/ 2796988 w 9141362"/>
                <a:gd name="connsiteY3" fmla="*/ 7268023 h 7268023"/>
                <a:gd name="connsiteX4" fmla="*/ 0 w 9141362"/>
                <a:gd name="connsiteY4" fmla="*/ 0 h 7268023"/>
                <a:gd name="connsiteX0" fmla="*/ 1488142 w 6344374"/>
                <a:gd name="connsiteY0" fmla="*/ 1452283 h 7268023"/>
                <a:gd name="connsiteX1" fmla="*/ 6344374 w 6344374"/>
                <a:gd name="connsiteY1" fmla="*/ 0 h 7268023"/>
                <a:gd name="connsiteX2" fmla="*/ 6344374 w 6344374"/>
                <a:gd name="connsiteY2" fmla="*/ 6425340 h 7268023"/>
                <a:gd name="connsiteX3" fmla="*/ 0 w 6344374"/>
                <a:gd name="connsiteY3" fmla="*/ 7268023 h 7268023"/>
                <a:gd name="connsiteX4" fmla="*/ 1488142 w 6344374"/>
                <a:gd name="connsiteY4" fmla="*/ 1452283 h 7268023"/>
                <a:gd name="connsiteX0" fmla="*/ 1 w 6344374"/>
                <a:gd name="connsiteY0" fmla="*/ 2043953 h 7268023"/>
                <a:gd name="connsiteX1" fmla="*/ 6344374 w 6344374"/>
                <a:gd name="connsiteY1" fmla="*/ 0 h 7268023"/>
                <a:gd name="connsiteX2" fmla="*/ 6344374 w 6344374"/>
                <a:gd name="connsiteY2" fmla="*/ 6425340 h 7268023"/>
                <a:gd name="connsiteX3" fmla="*/ 0 w 6344374"/>
                <a:gd name="connsiteY3" fmla="*/ 7268023 h 7268023"/>
                <a:gd name="connsiteX4" fmla="*/ 1 w 6344374"/>
                <a:gd name="connsiteY4" fmla="*/ 2043953 h 726802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6344374" h="7268023">
                  <a:moveTo>
                    <a:pt x="1" y="2043953"/>
                  </a:moveTo>
                  <a:lnTo>
                    <a:pt x="6344374" y="0"/>
                  </a:lnTo>
                  <a:lnTo>
                    <a:pt x="6344374" y="6425340"/>
                  </a:lnTo>
                  <a:lnTo>
                    <a:pt x="0" y="7268023"/>
                  </a:lnTo>
                  <a:cubicBezTo>
                    <a:pt x="0" y="5526666"/>
                    <a:pt x="1" y="3785310"/>
                    <a:pt x="1" y="2043953"/>
                  </a:cubicBezTo>
                  <a:close/>
                </a:path>
              </a:pathLst>
            </a:custGeom>
            <a:blipFill>
              <a:blip r:embed="rId3"/>
              <a:stretch>
                <a:fillRect/>
              </a:stretch>
            </a:blipFill>
            <a:ln w="50800"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</p:grpSp>
      <p:pic>
        <p:nvPicPr>
          <p:cNvPr id="20" name="Picture 19">
            <a:extLst>
              <a:ext uri="{FF2B5EF4-FFF2-40B4-BE49-F238E27FC236}">
                <a16:creationId xmlns:a16="http://schemas.microsoft.com/office/drawing/2014/main" id="{5654ED86-2E7F-2D45-92C7-23042205D7A4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4" cstate="hq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 r="-2199"/>
          <a:stretch/>
        </p:blipFill>
        <p:spPr>
          <a:xfrm>
            <a:off x="1383204" y="12218875"/>
            <a:ext cx="5340974" cy="812324"/>
          </a:xfrm>
          <a:prstGeom prst="rect">
            <a:avLst/>
          </a:prstGeom>
        </p:spPr>
      </p:pic>
      <p:sp>
        <p:nvSpPr>
          <p:cNvPr id="22" name="Title 1">
            <a:extLst>
              <a:ext uri="{FF2B5EF4-FFF2-40B4-BE49-F238E27FC236}">
                <a16:creationId xmlns:a16="http://schemas.microsoft.com/office/drawing/2014/main" id="{CDA0F9ED-9F79-364C-8281-553F1BE7378B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4935455" y="1857183"/>
            <a:ext cx="12725401" cy="2775143"/>
          </a:xfrm>
        </p:spPr>
        <p:txBody>
          <a:bodyPr anchor="t">
            <a:normAutofit/>
          </a:bodyPr>
          <a:lstStyle>
            <a:lvl1pPr marL="0" indent="0" algn="l">
              <a:tabLst>
                <a:tab pos="5080000" algn="l"/>
              </a:tabLst>
              <a:defRPr sz="8000">
                <a:solidFill>
                  <a:schemeClr val="tx2"/>
                </a:solidFill>
              </a:defRPr>
            </a:lvl1pPr>
          </a:lstStyle>
          <a:p>
            <a:r>
              <a:rPr lang="en-US" dirty="0"/>
              <a:t>Click to edit Master title style</a:t>
            </a:r>
          </a:p>
        </p:txBody>
      </p:sp>
      <p:sp>
        <p:nvSpPr>
          <p:cNvPr id="23" name="Subtitle 2">
            <a:extLst>
              <a:ext uri="{FF2B5EF4-FFF2-40B4-BE49-F238E27FC236}">
                <a16:creationId xmlns:a16="http://schemas.microsoft.com/office/drawing/2014/main" id="{28937FD8-A29F-7D42-AD85-1504D5952B10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4935455" y="4816978"/>
            <a:ext cx="12725401" cy="1772493"/>
          </a:xfrm>
        </p:spPr>
        <p:txBody>
          <a:bodyPr>
            <a:normAutofit/>
          </a:bodyPr>
          <a:lstStyle>
            <a:lvl1pPr marL="0" indent="0" algn="l">
              <a:buNone/>
              <a:defRPr sz="3800">
                <a:solidFill>
                  <a:schemeClr val="tx1"/>
                </a:solidFill>
              </a:defRPr>
            </a:lvl1pPr>
            <a:lvl2pPr marL="914400" indent="0" algn="ctr">
              <a:buNone/>
              <a:defRPr sz="4000"/>
            </a:lvl2pPr>
            <a:lvl3pPr marL="1828800" indent="0" algn="ctr">
              <a:buNone/>
              <a:defRPr sz="3600"/>
            </a:lvl3pPr>
            <a:lvl4pPr marL="2743200" indent="0" algn="ctr">
              <a:buNone/>
              <a:defRPr sz="3200"/>
            </a:lvl4pPr>
            <a:lvl5pPr marL="3657600" indent="0" algn="ctr">
              <a:buNone/>
              <a:defRPr sz="3200"/>
            </a:lvl5pPr>
            <a:lvl6pPr marL="4572000" indent="0" algn="ctr">
              <a:buNone/>
              <a:defRPr sz="3200"/>
            </a:lvl6pPr>
            <a:lvl7pPr marL="5486400" indent="0" algn="ctr">
              <a:buNone/>
              <a:defRPr sz="3200"/>
            </a:lvl7pPr>
            <a:lvl8pPr marL="6400800" indent="0" algn="ctr">
              <a:buNone/>
              <a:defRPr sz="3200"/>
            </a:lvl8pPr>
            <a:lvl9pPr marL="7315200" indent="0" algn="ctr">
              <a:buNone/>
              <a:defRPr sz="3200"/>
            </a:lvl9pPr>
          </a:lstStyle>
          <a:p>
            <a:r>
              <a:rPr lang="en-US" dirty="0"/>
              <a:t>Click to edit Master subtitle style</a:t>
            </a:r>
          </a:p>
        </p:txBody>
      </p:sp>
      <p:pic>
        <p:nvPicPr>
          <p:cNvPr id="24" name="Picture 23">
            <a:extLst>
              <a:ext uri="{FF2B5EF4-FFF2-40B4-BE49-F238E27FC236}">
                <a16:creationId xmlns:a16="http://schemas.microsoft.com/office/drawing/2014/main" id="{9ED71A57-513E-EE47-9617-E793EFF46E9C}"/>
              </a:ext>
            </a:extLst>
          </p:cNvPr>
          <p:cNvPicPr>
            <a:picLocks noChangeAspect="1"/>
          </p:cNvPicPr>
          <p:nvPr userDrawn="1"/>
        </p:nvPicPr>
        <p:blipFill>
          <a:blip r:embed="rId5"/>
          <a:stretch>
            <a:fillRect/>
          </a:stretch>
        </p:blipFill>
        <p:spPr>
          <a:xfrm>
            <a:off x="1562497" y="1660526"/>
            <a:ext cx="2644188" cy="264418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878927699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676619" y="162130"/>
            <a:ext cx="19671822" cy="1962803"/>
          </a:xfrm>
        </p:spPr>
        <p:txBody>
          <a:bodyPr anchor="b"/>
          <a:lstStyle/>
          <a:p>
            <a:r>
              <a:rPr lang="en-US" dirty="0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1676619" y="3651250"/>
            <a:ext cx="16098034" cy="8702676"/>
          </a:xfrm>
        </p:spPr>
        <p:txBody>
          <a:bodyPr/>
          <a:lstStyle>
            <a:lvl1pPr marL="0" indent="0">
              <a:lnSpc>
                <a:spcPct val="100000"/>
              </a:lnSpc>
              <a:spcBef>
                <a:spcPts val="1400"/>
              </a:spcBef>
              <a:spcAft>
                <a:spcPts val="1200"/>
              </a:spcAft>
              <a:buFontTx/>
              <a:buNone/>
              <a:defRPr sz="4000"/>
            </a:lvl1pPr>
            <a:lvl2pPr>
              <a:lnSpc>
                <a:spcPts val="4400"/>
              </a:lnSpc>
              <a:spcBef>
                <a:spcPts val="1200"/>
              </a:spcBef>
              <a:spcAft>
                <a:spcPts val="900"/>
              </a:spcAft>
              <a:defRPr/>
            </a:lvl2pPr>
            <a:lvl3pPr>
              <a:lnSpc>
                <a:spcPts val="3800"/>
              </a:lnSpc>
              <a:defRPr/>
            </a:lvl3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 sz="2000">
                <a:solidFill>
                  <a:schemeClr val="accent5"/>
                </a:solidFill>
              </a:defRPr>
            </a:lvl1pPr>
          </a:lstStyle>
          <a:p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>
          <a:xfrm>
            <a:off x="13117769" y="12712701"/>
            <a:ext cx="8230672" cy="730250"/>
          </a:xfrm>
        </p:spPr>
        <p:txBody>
          <a:bodyPr/>
          <a:lstStyle>
            <a:lvl1pPr algn="r">
              <a:defRPr sz="2000">
                <a:solidFill>
                  <a:schemeClr val="accent5"/>
                </a:solidFill>
              </a:defRPr>
            </a:lvl1pPr>
          </a:lstStyle>
          <a:p>
            <a:r>
              <a:rPr lang="en-US" dirty="0"/>
              <a:t>Confidential &amp; Proprietary</a:t>
            </a: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>
          <a:xfrm>
            <a:off x="22047616" y="12712701"/>
            <a:ext cx="942794" cy="730250"/>
          </a:xfrm>
        </p:spPr>
        <p:txBody>
          <a:bodyPr/>
          <a:lstStyle>
            <a:lvl1pPr algn="l">
              <a:defRPr>
                <a:solidFill>
                  <a:schemeClr val="tx1"/>
                </a:solidFill>
              </a:defRPr>
            </a:lvl1pPr>
          </a:lstStyle>
          <a:p>
            <a:fld id="{9F27F450-B174-D942-82E3-F13855F227CF}" type="slidenum">
              <a:rPr lang="en-US" smtClean="0"/>
              <a:pPr/>
              <a:t>‹#›</a:t>
            </a:fld>
            <a:endParaRPr lang="en-US" dirty="0"/>
          </a:p>
        </p:txBody>
      </p:sp>
      <p:cxnSp>
        <p:nvCxnSpPr>
          <p:cNvPr id="7" name="Straight Connector 6">
            <a:extLst>
              <a:ext uri="{FF2B5EF4-FFF2-40B4-BE49-F238E27FC236}">
                <a16:creationId xmlns:a16="http://schemas.microsoft.com/office/drawing/2014/main" id="{A5840316-FDFB-0040-B127-806ABD4A6E7B}"/>
              </a:ext>
            </a:extLst>
          </p:cNvPr>
          <p:cNvCxnSpPr/>
          <p:nvPr userDrawn="1"/>
        </p:nvCxnSpPr>
        <p:spPr>
          <a:xfrm>
            <a:off x="0" y="2761864"/>
            <a:ext cx="24387175" cy="0"/>
          </a:xfrm>
          <a:prstGeom prst="line">
            <a:avLst/>
          </a:prstGeom>
          <a:ln w="44450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8" name="Picture 7">
            <a:extLst>
              <a:ext uri="{FF2B5EF4-FFF2-40B4-BE49-F238E27FC236}">
                <a16:creationId xmlns:a16="http://schemas.microsoft.com/office/drawing/2014/main" id="{82FF118A-9392-DC4F-930F-3D0D5C4D417A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22047616" y="799057"/>
            <a:ext cx="1325880" cy="1325880"/>
          </a:xfrm>
          <a:prstGeom prst="rect">
            <a:avLst/>
          </a:prstGeom>
        </p:spPr>
      </p:pic>
      <p:cxnSp>
        <p:nvCxnSpPr>
          <p:cNvPr id="11" name="Straight Connector 10">
            <a:extLst>
              <a:ext uri="{FF2B5EF4-FFF2-40B4-BE49-F238E27FC236}">
                <a16:creationId xmlns:a16="http://schemas.microsoft.com/office/drawing/2014/main" id="{32FF8B6E-A739-F444-87FC-BAF43A7320DB}"/>
              </a:ext>
            </a:extLst>
          </p:cNvPr>
          <p:cNvCxnSpPr>
            <a:cxnSpLocks/>
          </p:cNvCxnSpPr>
          <p:nvPr userDrawn="1"/>
        </p:nvCxnSpPr>
        <p:spPr>
          <a:xfrm>
            <a:off x="21721666" y="12712701"/>
            <a:ext cx="0" cy="1003299"/>
          </a:xfrm>
          <a:prstGeom prst="line">
            <a:avLst/>
          </a:prstGeom>
          <a:ln w="28575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3575102343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562497" y="5480983"/>
            <a:ext cx="14322962" cy="2031441"/>
          </a:xfrm>
        </p:spPr>
        <p:txBody>
          <a:bodyPr anchor="t">
            <a:normAutofit/>
          </a:bodyPr>
          <a:lstStyle>
            <a:lvl1pPr>
              <a:defRPr sz="6000">
                <a:solidFill>
                  <a:schemeClr val="tx2"/>
                </a:solidFill>
              </a:defRPr>
            </a:lvl1pPr>
          </a:lstStyle>
          <a:p>
            <a:r>
              <a:rPr lang="en-US" dirty="0"/>
              <a:t>Click to edit Master title style</a:t>
            </a:r>
          </a:p>
        </p:txBody>
      </p:sp>
      <p:pic>
        <p:nvPicPr>
          <p:cNvPr id="7" name="Picture 6">
            <a:extLst>
              <a:ext uri="{FF2B5EF4-FFF2-40B4-BE49-F238E27FC236}">
                <a16:creationId xmlns:a16="http://schemas.microsoft.com/office/drawing/2014/main" id="{72A909B9-190E-A545-B40A-2FAF69AEF1A2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1562497" y="1660526"/>
            <a:ext cx="2971800" cy="2971800"/>
          </a:xfrm>
          <a:prstGeom prst="rect">
            <a:avLst/>
          </a:prstGeom>
        </p:spPr>
      </p:pic>
      <p:pic>
        <p:nvPicPr>
          <p:cNvPr id="6" name="Picture 5">
            <a:extLst>
              <a:ext uri="{FF2B5EF4-FFF2-40B4-BE49-F238E27FC236}">
                <a16:creationId xmlns:a16="http://schemas.microsoft.com/office/drawing/2014/main" id="{2D21EDE6-50C7-2F4F-8896-C2520031D37A}"/>
              </a:ext>
            </a:extLst>
          </p:cNvPr>
          <p:cNvPicPr>
            <a:picLocks noChangeAspect="1"/>
          </p:cNvPicPr>
          <p:nvPr userDrawn="1"/>
        </p:nvPicPr>
        <p:blipFill>
          <a:blip r:embed="rId3"/>
          <a:stretch>
            <a:fillRect/>
          </a:stretch>
        </p:blipFill>
        <p:spPr>
          <a:xfrm>
            <a:off x="13852363" y="5395259"/>
            <a:ext cx="9131300" cy="79248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681236775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theme" Target="../theme/theme1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1676619" y="730251"/>
            <a:ext cx="21033938" cy="2651126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 dirty="0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1676619" y="3651250"/>
            <a:ext cx="21033938" cy="8702676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1676618" y="12712701"/>
            <a:ext cx="5487114" cy="73025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2400">
                <a:solidFill>
                  <a:schemeClr val="tx1">
                    <a:tint val="75000"/>
                  </a:schemeClr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1pPr>
          </a:lstStyle>
          <a:p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8078252" y="12712701"/>
            <a:ext cx="8230672" cy="73025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2400">
                <a:solidFill>
                  <a:schemeClr val="tx1">
                    <a:tint val="75000"/>
                  </a:schemeClr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1pPr>
          </a:lstStyle>
          <a:p>
            <a:r>
              <a:rPr lang="en-US"/>
              <a:t>Confidential &amp; Proprietary</a:t>
            </a:r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17223443" y="12712701"/>
            <a:ext cx="5487114" cy="73025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2400">
                <a:solidFill>
                  <a:schemeClr val="tx1">
                    <a:tint val="75000"/>
                  </a:schemeClr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1pPr>
          </a:lstStyle>
          <a:p>
            <a:fld id="{9F27F450-B174-D942-82E3-F13855F227CF}" type="slidenum">
              <a:rPr lang="en-US" smtClean="0"/>
              <a:pPr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370360049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61" r:id="rId1"/>
    <p:sldLayoutId id="2147483673" r:id="rId2"/>
    <p:sldLayoutId id="2147483668" r:id="rId3"/>
    <p:sldLayoutId id="2147483672" r:id="rId4"/>
    <p:sldLayoutId id="2147483669" r:id="rId5"/>
    <p:sldLayoutId id="2147483670" r:id="rId6"/>
    <p:sldLayoutId id="2147483671" r:id="rId7"/>
    <p:sldLayoutId id="2147483662" r:id="rId8"/>
    <p:sldLayoutId id="2147483663" r:id="rId9"/>
    <p:sldLayoutId id="2147483664" r:id="rId10"/>
    <p:sldLayoutId id="2147483666" r:id="rId11"/>
    <p:sldLayoutId id="2147483667" r:id="rId12"/>
  </p:sldLayoutIdLst>
  <p:hf hdr="0" dt="0"/>
  <p:txStyles>
    <p:titleStyle>
      <a:lvl1pPr algn="l" defTabSz="1828800" rtl="0" eaLnBrk="1" latinLnBrk="0" hangingPunct="1">
        <a:lnSpc>
          <a:spcPct val="90000"/>
        </a:lnSpc>
        <a:spcBef>
          <a:spcPct val="0"/>
        </a:spcBef>
        <a:buNone/>
        <a:defRPr sz="5600" b="1" kern="1200">
          <a:solidFill>
            <a:schemeClr val="tx1"/>
          </a:solidFill>
          <a:latin typeface="Arial" panose="020B0604020202020204" pitchFamily="34" charset="0"/>
          <a:ea typeface="+mj-ea"/>
          <a:cs typeface="Arial" panose="020B0604020202020204" pitchFamily="34" charset="0"/>
        </a:defRPr>
      </a:lvl1pPr>
    </p:titleStyle>
    <p:bodyStyle>
      <a:lvl1pPr marL="0" indent="0" algn="l" defTabSz="1828800" rtl="0" eaLnBrk="1" latinLnBrk="0" hangingPunct="1">
        <a:lnSpc>
          <a:spcPct val="90000"/>
        </a:lnSpc>
        <a:spcBef>
          <a:spcPts val="2000"/>
        </a:spcBef>
        <a:buFont typeface="Arial" panose="020B0604020202020204" pitchFamily="34" charset="0"/>
        <a:buNone/>
        <a:defRPr sz="3400" kern="1200">
          <a:solidFill>
            <a:schemeClr val="tx2"/>
          </a:solidFill>
          <a:latin typeface="Arial" panose="020B0604020202020204" pitchFamily="34" charset="0"/>
          <a:ea typeface="+mn-ea"/>
          <a:cs typeface="Arial" panose="020B0604020202020204" pitchFamily="34" charset="0"/>
        </a:defRPr>
      </a:lvl1pPr>
      <a:lvl2pPr marL="914400" indent="-457200" algn="l" defTabSz="1828800" rtl="0" eaLnBrk="1" latinLnBrk="0" hangingPunct="1">
        <a:lnSpc>
          <a:spcPts val="4200"/>
        </a:lnSpc>
        <a:spcBef>
          <a:spcPts val="1000"/>
        </a:spcBef>
        <a:spcAft>
          <a:spcPts val="600"/>
        </a:spcAft>
        <a:buClr>
          <a:schemeClr val="tx1"/>
        </a:buClr>
        <a:buSzPct val="120000"/>
        <a:buFont typeface="Wingdings" pitchFamily="2" charset="2"/>
        <a:buChar char="§"/>
        <a:defRPr sz="3400" kern="1200">
          <a:solidFill>
            <a:schemeClr val="tx2"/>
          </a:solidFill>
          <a:latin typeface="Arial" panose="020B0604020202020204" pitchFamily="34" charset="0"/>
          <a:ea typeface="+mn-ea"/>
          <a:cs typeface="Arial" panose="020B0604020202020204" pitchFamily="34" charset="0"/>
        </a:defRPr>
      </a:lvl2pPr>
      <a:lvl3pPr marL="1325880" indent="-457200" algn="l" defTabSz="1828800" rtl="0" eaLnBrk="1" latinLnBrk="0" hangingPunct="1">
        <a:lnSpc>
          <a:spcPts val="3400"/>
        </a:lnSpc>
        <a:spcBef>
          <a:spcPts val="1000"/>
        </a:spcBef>
        <a:spcAft>
          <a:spcPts val="600"/>
        </a:spcAft>
        <a:buClr>
          <a:schemeClr val="tx1"/>
        </a:buClr>
        <a:buSzPct val="120000"/>
        <a:buFont typeface="Wingdings" pitchFamily="2" charset="2"/>
        <a:buChar char="§"/>
        <a:defRPr sz="2800" kern="1200">
          <a:solidFill>
            <a:schemeClr val="tx2"/>
          </a:solidFill>
          <a:latin typeface="Arial" panose="020B0604020202020204" pitchFamily="34" charset="0"/>
          <a:ea typeface="+mn-ea"/>
          <a:cs typeface="Arial" panose="020B0604020202020204" pitchFamily="34" charset="0"/>
        </a:defRPr>
      </a:lvl3pPr>
      <a:lvl4pPr marL="3200400" indent="-457200" algn="l" defTabSz="18288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3600" kern="1200">
          <a:solidFill>
            <a:schemeClr val="tx2"/>
          </a:solidFill>
          <a:latin typeface="Arial" panose="020B0604020202020204" pitchFamily="34" charset="0"/>
          <a:ea typeface="+mn-ea"/>
          <a:cs typeface="Arial" panose="020B0604020202020204" pitchFamily="34" charset="0"/>
        </a:defRPr>
      </a:lvl4pPr>
      <a:lvl5pPr marL="4114800" indent="-457200" algn="l" defTabSz="18288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3600" kern="1200">
          <a:solidFill>
            <a:schemeClr val="tx2"/>
          </a:solidFill>
          <a:latin typeface="Arial" panose="020B0604020202020204" pitchFamily="34" charset="0"/>
          <a:ea typeface="+mn-ea"/>
          <a:cs typeface="Arial" panose="020B0604020202020204" pitchFamily="34" charset="0"/>
        </a:defRPr>
      </a:lvl5pPr>
      <a:lvl6pPr marL="5029200" indent="-457200" algn="l" defTabSz="18288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3600" kern="1200">
          <a:solidFill>
            <a:schemeClr val="tx1"/>
          </a:solidFill>
          <a:latin typeface="+mn-lt"/>
          <a:ea typeface="+mn-ea"/>
          <a:cs typeface="+mn-cs"/>
        </a:defRPr>
      </a:lvl6pPr>
      <a:lvl7pPr marL="5943600" indent="-457200" algn="l" defTabSz="18288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3600" kern="1200">
          <a:solidFill>
            <a:schemeClr val="tx1"/>
          </a:solidFill>
          <a:latin typeface="+mn-lt"/>
          <a:ea typeface="+mn-ea"/>
          <a:cs typeface="+mn-cs"/>
        </a:defRPr>
      </a:lvl7pPr>
      <a:lvl8pPr marL="6858000" indent="-457200" algn="l" defTabSz="18288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3600" kern="1200">
          <a:solidFill>
            <a:schemeClr val="tx1"/>
          </a:solidFill>
          <a:latin typeface="+mn-lt"/>
          <a:ea typeface="+mn-ea"/>
          <a:cs typeface="+mn-cs"/>
        </a:defRPr>
      </a:lvl8pPr>
      <a:lvl9pPr marL="7772400" indent="-457200" algn="l" defTabSz="18288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36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1828800" rtl="0" eaLnBrk="1" latinLnBrk="0" hangingPunct="1">
        <a:defRPr sz="3600" kern="1200">
          <a:solidFill>
            <a:schemeClr val="tx1"/>
          </a:solidFill>
          <a:latin typeface="+mn-lt"/>
          <a:ea typeface="+mn-ea"/>
          <a:cs typeface="+mn-cs"/>
        </a:defRPr>
      </a:lvl1pPr>
      <a:lvl2pPr marL="914400" algn="l" defTabSz="1828800" rtl="0" eaLnBrk="1" latinLnBrk="0" hangingPunct="1">
        <a:defRPr sz="3600" kern="1200">
          <a:solidFill>
            <a:schemeClr val="tx1"/>
          </a:solidFill>
          <a:latin typeface="+mn-lt"/>
          <a:ea typeface="+mn-ea"/>
          <a:cs typeface="+mn-cs"/>
        </a:defRPr>
      </a:lvl2pPr>
      <a:lvl3pPr marL="1828800" algn="l" defTabSz="1828800" rtl="0" eaLnBrk="1" latinLnBrk="0" hangingPunct="1">
        <a:defRPr sz="3600" kern="1200">
          <a:solidFill>
            <a:schemeClr val="tx1"/>
          </a:solidFill>
          <a:latin typeface="+mn-lt"/>
          <a:ea typeface="+mn-ea"/>
          <a:cs typeface="+mn-cs"/>
        </a:defRPr>
      </a:lvl3pPr>
      <a:lvl4pPr marL="2743200" algn="l" defTabSz="1828800" rtl="0" eaLnBrk="1" latinLnBrk="0" hangingPunct="1">
        <a:defRPr sz="3600" kern="1200">
          <a:solidFill>
            <a:schemeClr val="tx1"/>
          </a:solidFill>
          <a:latin typeface="+mn-lt"/>
          <a:ea typeface="+mn-ea"/>
          <a:cs typeface="+mn-cs"/>
        </a:defRPr>
      </a:lvl4pPr>
      <a:lvl5pPr marL="3657600" algn="l" defTabSz="1828800" rtl="0" eaLnBrk="1" latinLnBrk="0" hangingPunct="1">
        <a:defRPr sz="3600" kern="1200">
          <a:solidFill>
            <a:schemeClr val="tx1"/>
          </a:solidFill>
          <a:latin typeface="+mn-lt"/>
          <a:ea typeface="+mn-ea"/>
          <a:cs typeface="+mn-cs"/>
        </a:defRPr>
      </a:lvl5pPr>
      <a:lvl6pPr marL="4572000" algn="l" defTabSz="1828800" rtl="0" eaLnBrk="1" latinLnBrk="0" hangingPunct="1">
        <a:defRPr sz="3600" kern="1200">
          <a:solidFill>
            <a:schemeClr val="tx1"/>
          </a:solidFill>
          <a:latin typeface="+mn-lt"/>
          <a:ea typeface="+mn-ea"/>
          <a:cs typeface="+mn-cs"/>
        </a:defRPr>
      </a:lvl6pPr>
      <a:lvl7pPr marL="5486400" algn="l" defTabSz="1828800" rtl="0" eaLnBrk="1" latinLnBrk="0" hangingPunct="1">
        <a:defRPr sz="3600" kern="1200">
          <a:solidFill>
            <a:schemeClr val="tx1"/>
          </a:solidFill>
          <a:latin typeface="+mn-lt"/>
          <a:ea typeface="+mn-ea"/>
          <a:cs typeface="+mn-cs"/>
        </a:defRPr>
      </a:lvl7pPr>
      <a:lvl8pPr marL="6400800" algn="l" defTabSz="1828800" rtl="0" eaLnBrk="1" latinLnBrk="0" hangingPunct="1">
        <a:defRPr sz="3600" kern="1200">
          <a:solidFill>
            <a:schemeClr val="tx1"/>
          </a:solidFill>
          <a:latin typeface="+mn-lt"/>
          <a:ea typeface="+mn-ea"/>
          <a:cs typeface="+mn-cs"/>
        </a:defRPr>
      </a:lvl8pPr>
      <a:lvl9pPr marL="7315200" algn="l" defTabSz="1828800" rtl="0" eaLnBrk="1" latinLnBrk="0" hangingPunct="1">
        <a:defRPr sz="36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slideLayout" Target="../slideLayouts/slideLayout3.xml"/><Relationship Id="rId1" Type="http://schemas.openxmlformats.org/officeDocument/2006/relationships/tags" Target="../tags/tag1.xml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image" Target="../media/image13.jpeg"/><Relationship Id="rId2" Type="http://schemas.openxmlformats.org/officeDocument/2006/relationships/slideLayout" Target="../slideLayouts/slideLayout8.xml"/><Relationship Id="rId1" Type="http://schemas.openxmlformats.org/officeDocument/2006/relationships/tags" Target="../tags/tag10.xml"/><Relationship Id="rId6" Type="http://schemas.openxmlformats.org/officeDocument/2006/relationships/image" Target="../media/image22.png"/><Relationship Id="rId5" Type="http://schemas.openxmlformats.org/officeDocument/2006/relationships/image" Target="../media/image21.png"/><Relationship Id="rId4" Type="http://schemas.openxmlformats.org/officeDocument/2006/relationships/image" Target="../media/image14.png"/></Relationships>
</file>

<file path=ppt/slides/_rels/slide11.xml.rels><?xml version="1.0" encoding="UTF-8" standalone="yes"?>
<Relationships xmlns="http://schemas.openxmlformats.org/package/2006/relationships"><Relationship Id="rId3" Type="http://schemas.openxmlformats.org/officeDocument/2006/relationships/image" Target="../media/image13.jpeg"/><Relationship Id="rId2" Type="http://schemas.openxmlformats.org/officeDocument/2006/relationships/slideLayout" Target="../slideLayouts/slideLayout8.xml"/><Relationship Id="rId1" Type="http://schemas.openxmlformats.org/officeDocument/2006/relationships/tags" Target="../tags/tag11.xml"/><Relationship Id="rId4" Type="http://schemas.openxmlformats.org/officeDocument/2006/relationships/image" Target="../media/image14.png"/></Relationships>
</file>

<file path=ppt/slides/_rels/slide12.xml.rels><?xml version="1.0" encoding="UTF-8" standalone="yes"?>
<Relationships xmlns="http://schemas.openxmlformats.org/package/2006/relationships"><Relationship Id="rId3" Type="http://schemas.openxmlformats.org/officeDocument/2006/relationships/image" Target="../media/image13.jpeg"/><Relationship Id="rId2" Type="http://schemas.openxmlformats.org/officeDocument/2006/relationships/slideLayout" Target="../slideLayouts/slideLayout8.xml"/><Relationship Id="rId1" Type="http://schemas.openxmlformats.org/officeDocument/2006/relationships/tags" Target="../tags/tag12.xml"/><Relationship Id="rId4" Type="http://schemas.openxmlformats.org/officeDocument/2006/relationships/image" Target="../media/image14.png"/></Relationships>
</file>

<file path=ppt/slides/_rels/slide13.xml.rels><?xml version="1.0" encoding="UTF-8" standalone="yes"?>
<Relationships xmlns="http://schemas.openxmlformats.org/package/2006/relationships"><Relationship Id="rId3" Type="http://schemas.openxmlformats.org/officeDocument/2006/relationships/image" Target="../media/image23.jpeg"/><Relationship Id="rId2" Type="http://schemas.openxmlformats.org/officeDocument/2006/relationships/slideLayout" Target="../slideLayouts/slideLayout3.xml"/><Relationship Id="rId1" Type="http://schemas.openxmlformats.org/officeDocument/2006/relationships/tags" Target="../tags/tag13.xml"/><Relationship Id="rId5" Type="http://schemas.openxmlformats.org/officeDocument/2006/relationships/image" Target="../media/image14.png"/><Relationship Id="rId4" Type="http://schemas.openxmlformats.org/officeDocument/2006/relationships/image" Target="../media/image13.jpeg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image" Target="../media/image13.jpeg"/><Relationship Id="rId2" Type="http://schemas.openxmlformats.org/officeDocument/2006/relationships/slideLayout" Target="../slideLayouts/slideLayout8.xml"/><Relationship Id="rId1" Type="http://schemas.openxmlformats.org/officeDocument/2006/relationships/tags" Target="../tags/tag2.xml"/><Relationship Id="rId4" Type="http://schemas.openxmlformats.org/officeDocument/2006/relationships/image" Target="../media/image14.png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image" Target="../media/image13.jpeg"/><Relationship Id="rId2" Type="http://schemas.openxmlformats.org/officeDocument/2006/relationships/slideLayout" Target="../slideLayouts/slideLayout8.xml"/><Relationship Id="rId1" Type="http://schemas.openxmlformats.org/officeDocument/2006/relationships/tags" Target="../tags/tag3.xml"/><Relationship Id="rId6" Type="http://schemas.openxmlformats.org/officeDocument/2006/relationships/image" Target="../media/image16.png"/><Relationship Id="rId5" Type="http://schemas.openxmlformats.org/officeDocument/2006/relationships/image" Target="../media/image15.png"/><Relationship Id="rId4" Type="http://schemas.openxmlformats.org/officeDocument/2006/relationships/image" Target="../media/image14.png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image" Target="../media/image13.jpeg"/><Relationship Id="rId2" Type="http://schemas.openxmlformats.org/officeDocument/2006/relationships/slideLayout" Target="../slideLayouts/slideLayout8.xml"/><Relationship Id="rId1" Type="http://schemas.openxmlformats.org/officeDocument/2006/relationships/tags" Target="../tags/tag4.xml"/><Relationship Id="rId4" Type="http://schemas.openxmlformats.org/officeDocument/2006/relationships/image" Target="../media/image14.png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image" Target="../media/image13.jpeg"/><Relationship Id="rId2" Type="http://schemas.openxmlformats.org/officeDocument/2006/relationships/slideLayout" Target="../slideLayouts/slideLayout8.xml"/><Relationship Id="rId1" Type="http://schemas.openxmlformats.org/officeDocument/2006/relationships/tags" Target="../tags/tag5.xml"/><Relationship Id="rId4" Type="http://schemas.openxmlformats.org/officeDocument/2006/relationships/image" Target="../media/image14.png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image" Target="../media/image13.jpeg"/><Relationship Id="rId2" Type="http://schemas.openxmlformats.org/officeDocument/2006/relationships/slideLayout" Target="../slideLayouts/slideLayout8.xml"/><Relationship Id="rId1" Type="http://schemas.openxmlformats.org/officeDocument/2006/relationships/tags" Target="../tags/tag6.xml"/><Relationship Id="rId5" Type="http://schemas.openxmlformats.org/officeDocument/2006/relationships/image" Target="../media/image17.png"/><Relationship Id="rId4" Type="http://schemas.openxmlformats.org/officeDocument/2006/relationships/image" Target="../media/image14.png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image" Target="../media/image13.jpeg"/><Relationship Id="rId2" Type="http://schemas.openxmlformats.org/officeDocument/2006/relationships/slideLayout" Target="../slideLayouts/slideLayout8.xml"/><Relationship Id="rId1" Type="http://schemas.openxmlformats.org/officeDocument/2006/relationships/tags" Target="../tags/tag7.xml"/><Relationship Id="rId4" Type="http://schemas.openxmlformats.org/officeDocument/2006/relationships/image" Target="../media/image14.png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image" Target="../media/image13.jpeg"/><Relationship Id="rId2" Type="http://schemas.openxmlformats.org/officeDocument/2006/relationships/slideLayout" Target="../slideLayouts/slideLayout8.xml"/><Relationship Id="rId1" Type="http://schemas.openxmlformats.org/officeDocument/2006/relationships/tags" Target="../tags/tag8.xml"/><Relationship Id="rId6" Type="http://schemas.openxmlformats.org/officeDocument/2006/relationships/image" Target="../media/image18.png"/><Relationship Id="rId5" Type="http://schemas.microsoft.com/office/2014/relationships/chartEx" Target="../charts/chartEx1.xml"/><Relationship Id="rId4" Type="http://schemas.openxmlformats.org/officeDocument/2006/relationships/image" Target="../media/image14.png"/></Relationships>
</file>

<file path=ppt/slides/_rels/slide9.xml.rels><?xml version="1.0" encoding="UTF-8" standalone="yes"?>
<Relationships xmlns="http://schemas.openxmlformats.org/package/2006/relationships"><Relationship Id="rId3" Type="http://schemas.openxmlformats.org/officeDocument/2006/relationships/image" Target="../media/image13.jpeg"/><Relationship Id="rId2" Type="http://schemas.openxmlformats.org/officeDocument/2006/relationships/slideLayout" Target="../slideLayouts/slideLayout8.xml"/><Relationship Id="rId1" Type="http://schemas.openxmlformats.org/officeDocument/2006/relationships/tags" Target="../tags/tag9.xml"/><Relationship Id="rId6" Type="http://schemas.openxmlformats.org/officeDocument/2006/relationships/image" Target="../media/image20.png"/><Relationship Id="rId5" Type="http://schemas.openxmlformats.org/officeDocument/2006/relationships/image" Target="../media/image19.png"/><Relationship Id="rId4" Type="http://schemas.openxmlformats.org/officeDocument/2006/relationships/image" Target="../media/image14.png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644787D2-57FF-D345-B6CF-782465B5B71B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3339332" y="4753252"/>
            <a:ext cx="19539464" cy="3492319"/>
          </a:xfrm>
        </p:spPr>
        <p:txBody>
          <a:bodyPr>
            <a:noAutofit/>
          </a:bodyPr>
          <a:lstStyle/>
          <a:p>
            <a:pPr algn="ctr"/>
            <a:r>
              <a:rPr lang="en-US" sz="6600" dirty="0">
                <a:latin typeface="Arial"/>
                <a:cs typeface="Arial"/>
              </a:rPr>
              <a:t>Technique Variation for MPFL Reconstruction </a:t>
            </a:r>
            <a:br>
              <a:rPr lang="en-US" sz="6600" dirty="0">
                <a:latin typeface="Arial"/>
                <a:cs typeface="Arial"/>
              </a:rPr>
            </a:br>
            <a:r>
              <a:rPr lang="en-US" sz="6600" dirty="0">
                <a:latin typeface="Arial"/>
                <a:cs typeface="Arial"/>
              </a:rPr>
              <a:t>in Skeletally Immature Patients:</a:t>
            </a:r>
            <a:br>
              <a:rPr lang="en-US" sz="6600" dirty="0">
                <a:latin typeface="Arial"/>
                <a:cs typeface="Arial"/>
              </a:rPr>
            </a:br>
            <a:r>
              <a:rPr lang="en-US" sz="6600" dirty="0">
                <a:latin typeface="Arial"/>
                <a:cs typeface="Arial"/>
              </a:rPr>
              <a:t>Data from the JUPITER Cohort</a:t>
            </a:r>
            <a:endParaRPr lang="en-US" sz="6600" dirty="0"/>
          </a:p>
          <a:p>
            <a:pPr algn="ctr"/>
            <a:endParaRPr lang="en-US" sz="6600" dirty="0"/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18960019-5024-1443-BF49-A70D15A4A5DA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4917112" y="8430223"/>
            <a:ext cx="16826219" cy="2382307"/>
          </a:xfrm>
        </p:spPr>
        <p:txBody>
          <a:bodyPr vert="horz" lIns="91440" tIns="45720" rIns="91440" bIns="45720" rtlCol="0" anchor="t">
            <a:normAutofit/>
          </a:bodyPr>
          <a:lstStyle/>
          <a:p>
            <a:pPr algn="ctr">
              <a:lnSpc>
                <a:spcPct val="120000"/>
              </a:lnSpc>
              <a:spcBef>
                <a:spcPts val="0"/>
              </a:spcBef>
            </a:pPr>
            <a:r>
              <a:rPr lang="en-US" dirty="0">
                <a:latin typeface="Arial"/>
                <a:cs typeface="Arial"/>
              </a:rPr>
              <a:t>Benton E. Heyworth, MD</a:t>
            </a:r>
            <a:r>
              <a:rPr lang="en-US" baseline="30000" dirty="0">
                <a:latin typeface="Arial"/>
                <a:cs typeface="Arial"/>
              </a:rPr>
              <a:t>1</a:t>
            </a:r>
            <a:r>
              <a:rPr lang="en-US" dirty="0">
                <a:latin typeface="Arial"/>
                <a:cs typeface="Arial"/>
              </a:rPr>
              <a:t>, Sofia Hidalgo Perea, BS</a:t>
            </a:r>
            <a:r>
              <a:rPr lang="en-US" baseline="30000" dirty="0">
                <a:latin typeface="Arial"/>
                <a:cs typeface="Arial"/>
              </a:rPr>
              <a:t>2</a:t>
            </a:r>
            <a:r>
              <a:rPr lang="en-US" dirty="0">
                <a:latin typeface="Arial"/>
                <a:cs typeface="Arial"/>
              </a:rPr>
              <a:t>, </a:t>
            </a:r>
            <a:r>
              <a:rPr lang="en-US" b="1" dirty="0">
                <a:latin typeface="Arial"/>
                <a:cs typeface="Arial"/>
              </a:rPr>
              <a:t>Daniel W. Green, MD</a:t>
            </a:r>
            <a:r>
              <a:rPr lang="en-US" b="1" baseline="30000" dirty="0">
                <a:latin typeface="Arial"/>
                <a:cs typeface="Arial"/>
              </a:rPr>
              <a:t>2</a:t>
            </a:r>
            <a:r>
              <a:rPr lang="en-US" dirty="0">
                <a:latin typeface="Arial"/>
                <a:cs typeface="Arial"/>
              </a:rPr>
              <a:t>, </a:t>
            </a:r>
          </a:p>
          <a:p>
            <a:pPr algn="ctr">
              <a:lnSpc>
                <a:spcPct val="120000"/>
              </a:lnSpc>
              <a:spcBef>
                <a:spcPts val="0"/>
              </a:spcBef>
            </a:pPr>
            <a:r>
              <a:rPr lang="en-US" dirty="0">
                <a:latin typeface="Arial"/>
                <a:cs typeface="Arial"/>
              </a:rPr>
              <a:t> Matthew Veerkamp, BA</a:t>
            </a:r>
            <a:r>
              <a:rPr lang="en-US" baseline="30000" dirty="0">
                <a:latin typeface="Arial"/>
                <a:cs typeface="Arial"/>
              </a:rPr>
              <a:t>3</a:t>
            </a:r>
            <a:r>
              <a:rPr lang="en-US" dirty="0">
                <a:latin typeface="Arial"/>
                <a:cs typeface="Arial"/>
              </a:rPr>
              <a:t>, Eric J. Wall, MD</a:t>
            </a:r>
            <a:r>
              <a:rPr lang="en-US" baseline="30000" dirty="0">
                <a:latin typeface="Arial"/>
                <a:cs typeface="Arial"/>
              </a:rPr>
              <a:t>3</a:t>
            </a:r>
            <a:r>
              <a:rPr lang="en-US" dirty="0">
                <a:latin typeface="Arial"/>
                <a:cs typeface="Arial"/>
              </a:rPr>
              <a:t>, Philip L. Wilson, MD</a:t>
            </a:r>
            <a:r>
              <a:rPr lang="en-US" baseline="30000" dirty="0">
                <a:latin typeface="Arial"/>
                <a:cs typeface="Arial"/>
              </a:rPr>
              <a:t>4</a:t>
            </a:r>
            <a:r>
              <a:rPr lang="en-US" dirty="0">
                <a:latin typeface="Arial"/>
                <a:cs typeface="Arial"/>
              </a:rPr>
              <a:t>, </a:t>
            </a:r>
            <a:endParaRPr lang="en-US" dirty="0"/>
          </a:p>
          <a:p>
            <a:pPr algn="ctr">
              <a:lnSpc>
                <a:spcPct val="120000"/>
              </a:lnSpc>
              <a:spcBef>
                <a:spcPts val="0"/>
              </a:spcBef>
            </a:pPr>
            <a:r>
              <a:rPr lang="en-US" dirty="0">
                <a:latin typeface="Arial"/>
                <a:cs typeface="Arial"/>
              </a:rPr>
              <a:t>JUPITER Study Group, Beth E. Shubin Stein, MD</a:t>
            </a:r>
            <a:r>
              <a:rPr lang="en-US" baseline="30000" dirty="0">
                <a:latin typeface="Arial"/>
                <a:cs typeface="Arial"/>
              </a:rPr>
              <a:t>2</a:t>
            </a:r>
            <a:r>
              <a:rPr lang="en-US" dirty="0">
                <a:latin typeface="Arial"/>
                <a:cs typeface="Arial"/>
              </a:rPr>
              <a:t>, Shital N. Parikh, MD</a:t>
            </a:r>
            <a:r>
              <a:rPr lang="en-US" baseline="30000" dirty="0">
                <a:latin typeface="Arial"/>
                <a:cs typeface="Arial"/>
              </a:rPr>
              <a:t>3</a:t>
            </a:r>
            <a:endParaRPr lang="en-US" baseline="30000" dirty="0"/>
          </a:p>
        </p:txBody>
      </p:sp>
      <p:sp>
        <p:nvSpPr>
          <p:cNvPr id="4" name="TextBox 3">
            <a:extLst>
              <a:ext uri="{FF2B5EF4-FFF2-40B4-BE49-F238E27FC236}">
                <a16:creationId xmlns:a16="http://schemas.microsoft.com/office/drawing/2014/main" id="{A39A2942-A1BF-4A23-8514-FFEED69FE9CF}"/>
              </a:ext>
            </a:extLst>
          </p:cNvPr>
          <p:cNvSpPr txBox="1"/>
          <p:nvPr/>
        </p:nvSpPr>
        <p:spPr>
          <a:xfrm>
            <a:off x="7446976" y="10802256"/>
            <a:ext cx="11325887" cy="2113079"/>
          </a:xfrm>
          <a:prstGeom prst="rect">
            <a:avLst/>
          </a:prstGeom>
          <a:noFill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spAutoFit/>
          </a:bodyPr>
          <a:lstStyle/>
          <a:p>
            <a:pPr algn="ctr">
              <a:lnSpc>
                <a:spcPct val="120000"/>
              </a:lnSpc>
            </a:pPr>
            <a:r>
              <a:rPr lang="en-US" sz="2800" b="1" baseline="30000" dirty="0">
                <a:solidFill>
                  <a:schemeClr val="accent1"/>
                </a:solidFill>
                <a:ea typeface="+mn-lt"/>
                <a:cs typeface="+mn-lt"/>
              </a:rPr>
              <a:t>1</a:t>
            </a:r>
            <a:r>
              <a:rPr lang="en-US" sz="2800" b="1" dirty="0">
                <a:solidFill>
                  <a:schemeClr val="accent1"/>
                </a:solidFill>
                <a:ea typeface="+mn-lt"/>
                <a:cs typeface="+mn-lt"/>
              </a:rPr>
              <a:t>Boston Children’s Hospital, MA, USA</a:t>
            </a:r>
            <a:endParaRPr lang="en-US" sz="2800" dirty="0">
              <a:solidFill>
                <a:schemeClr val="accent1"/>
              </a:solidFill>
              <a:ea typeface="+mn-lt"/>
              <a:cs typeface="+mn-lt"/>
            </a:endParaRPr>
          </a:p>
          <a:p>
            <a:pPr algn="ctr">
              <a:lnSpc>
                <a:spcPct val="120000"/>
              </a:lnSpc>
            </a:pPr>
            <a:r>
              <a:rPr lang="en-US" sz="2800" b="1" baseline="30000" dirty="0">
                <a:solidFill>
                  <a:schemeClr val="accent1"/>
                </a:solidFill>
                <a:ea typeface="+mn-lt"/>
                <a:cs typeface="+mn-lt"/>
              </a:rPr>
              <a:t>2</a:t>
            </a:r>
            <a:r>
              <a:rPr lang="en-US" sz="2800" b="1" dirty="0">
                <a:solidFill>
                  <a:schemeClr val="accent1"/>
                </a:solidFill>
                <a:ea typeface="+mn-lt"/>
                <a:cs typeface="+mn-lt"/>
              </a:rPr>
              <a:t>Hospital for Special Surgery, NY, USA</a:t>
            </a:r>
            <a:endParaRPr lang="en-US" sz="2800" dirty="0">
              <a:solidFill>
                <a:schemeClr val="accent1"/>
              </a:solidFill>
              <a:ea typeface="+mn-lt"/>
              <a:cs typeface="+mn-lt"/>
            </a:endParaRPr>
          </a:p>
          <a:p>
            <a:pPr algn="ctr">
              <a:lnSpc>
                <a:spcPct val="120000"/>
              </a:lnSpc>
            </a:pPr>
            <a:r>
              <a:rPr lang="en-US" sz="2800" b="1" baseline="30000" dirty="0">
                <a:solidFill>
                  <a:schemeClr val="accent1"/>
                </a:solidFill>
                <a:ea typeface="+mn-lt"/>
                <a:cs typeface="+mn-lt"/>
              </a:rPr>
              <a:t>3</a:t>
            </a:r>
            <a:r>
              <a:rPr lang="en-US" sz="2800" b="1" dirty="0">
                <a:solidFill>
                  <a:schemeClr val="accent1"/>
                </a:solidFill>
                <a:ea typeface="+mn-lt"/>
                <a:cs typeface="+mn-lt"/>
              </a:rPr>
              <a:t>Cincinnati Children’s Hospital Medical Center, OH, USA</a:t>
            </a:r>
            <a:endParaRPr lang="en-US" dirty="0">
              <a:solidFill>
                <a:schemeClr val="accent1"/>
              </a:solidFill>
              <a:ea typeface="+mn-lt"/>
              <a:cs typeface="+mn-lt"/>
            </a:endParaRPr>
          </a:p>
          <a:p>
            <a:pPr algn="ctr">
              <a:lnSpc>
                <a:spcPct val="120000"/>
              </a:lnSpc>
            </a:pPr>
            <a:r>
              <a:rPr lang="en-US" sz="2800" b="1" baseline="30000" dirty="0">
                <a:solidFill>
                  <a:schemeClr val="accent1"/>
                </a:solidFill>
                <a:ea typeface="+mn-lt"/>
                <a:cs typeface="+mn-lt"/>
              </a:rPr>
              <a:t>4</a:t>
            </a:r>
            <a:r>
              <a:rPr lang="en-US" sz="2800" b="1" dirty="0">
                <a:solidFill>
                  <a:schemeClr val="accent1"/>
                </a:solidFill>
                <a:ea typeface="+mn-lt"/>
                <a:cs typeface="+mn-lt"/>
              </a:rPr>
              <a:t>Scottish Rite for Children, TX, USA</a:t>
            </a:r>
            <a:endParaRPr lang="en-US">
              <a:solidFill>
                <a:schemeClr val="accent1"/>
              </a:solidFill>
              <a:ea typeface="+mn-lt"/>
              <a:cs typeface="+mn-lt"/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277268862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E3D7053-8A5C-7147-80A6-36B5F7E8710A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>
                <a:latin typeface="Arial"/>
                <a:cs typeface="Arial"/>
              </a:rPr>
              <a:t>Results – Femoral Fixation</a:t>
            </a:r>
            <a:endParaRPr lang="en-US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85CC8F06-CCC9-7B42-B341-571DCF4151C3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1676619" y="3027796"/>
            <a:ext cx="11192904" cy="6293497"/>
          </a:xfrm>
        </p:spPr>
        <p:txBody>
          <a:bodyPr vert="horz" lIns="91440" tIns="45720" rIns="91440" bIns="45720" rtlCol="0" anchor="t">
            <a:normAutofit/>
          </a:bodyPr>
          <a:lstStyle/>
          <a:p>
            <a:pPr marL="571500" indent="-571500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Font typeface="Arial"/>
              <a:buChar char="•"/>
            </a:pPr>
            <a:r>
              <a:rPr lang="en-US" b="1" dirty="0">
                <a:solidFill>
                  <a:schemeClr val="accent6"/>
                </a:solidFill>
                <a:latin typeface="Arial"/>
                <a:cs typeface="Arial"/>
              </a:rPr>
              <a:t>Screws </a:t>
            </a:r>
            <a:r>
              <a:rPr lang="en-US" dirty="0">
                <a:solidFill>
                  <a:schemeClr val="accent6"/>
                </a:solidFill>
                <a:latin typeface="Arial"/>
                <a:cs typeface="Arial"/>
              </a:rPr>
              <a:t>were the most popular femoral fixation technique (</a:t>
            </a:r>
            <a:r>
              <a:rPr lang="en-US" b="1" dirty="0">
                <a:solidFill>
                  <a:schemeClr val="accent6"/>
                </a:solidFill>
                <a:latin typeface="Arial"/>
                <a:cs typeface="Arial"/>
              </a:rPr>
              <a:t>84%</a:t>
            </a:r>
            <a:r>
              <a:rPr lang="en-US" dirty="0">
                <a:solidFill>
                  <a:schemeClr val="accent6"/>
                </a:solidFill>
                <a:latin typeface="Arial"/>
                <a:cs typeface="Arial"/>
              </a:rPr>
              <a:t>), followed by suture anchors (12%)</a:t>
            </a:r>
            <a:endParaRPr lang="en-US" dirty="0">
              <a:solidFill>
                <a:schemeClr val="accent6"/>
              </a:solidFill>
            </a:endParaRPr>
          </a:p>
          <a:p>
            <a:pPr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</a:pPr>
            <a:endParaRPr lang="en-US" dirty="0">
              <a:solidFill>
                <a:schemeClr val="accent6"/>
              </a:solidFill>
              <a:latin typeface="Arial"/>
              <a:cs typeface="Arial"/>
            </a:endParaRPr>
          </a:p>
          <a:p>
            <a:pPr marL="571500" indent="-571500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Font typeface="Arial"/>
              <a:buChar char="•"/>
            </a:pPr>
            <a:r>
              <a:rPr lang="en-US" dirty="0">
                <a:solidFill>
                  <a:schemeClr val="accent6"/>
                </a:solidFill>
                <a:latin typeface="Arial"/>
                <a:cs typeface="Arial"/>
              </a:rPr>
              <a:t>The majority of surgeons used either 1 interference screw (81%) or 1 suture anchor at the femur (11.5%)</a:t>
            </a:r>
            <a:endParaRPr lang="en-US" dirty="0">
              <a:solidFill>
                <a:schemeClr val="accent6"/>
              </a:solidFill>
            </a:endParaRPr>
          </a:p>
          <a:p>
            <a:pPr marL="285750" indent="-285750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Font typeface="Arial,Sans-Serif"/>
              <a:buChar char="•"/>
            </a:pPr>
            <a:endParaRPr lang="en-US" dirty="0">
              <a:solidFill>
                <a:schemeClr val="accent6"/>
              </a:solidFill>
              <a:latin typeface="Arial"/>
              <a:cs typeface="Arial"/>
            </a:endParaRPr>
          </a:p>
          <a:p>
            <a:pPr marL="571500" indent="-571500">
              <a:spcBef>
                <a:spcPct val="0"/>
              </a:spcBef>
              <a:spcAft>
                <a:spcPct val="0"/>
              </a:spcAft>
              <a:buFont typeface="Arial"/>
              <a:buChar char="•"/>
            </a:pPr>
            <a:endParaRPr lang="en-US" dirty="0">
              <a:solidFill>
                <a:schemeClr val="accent6"/>
              </a:solidFill>
            </a:endParaRPr>
          </a:p>
          <a:p>
            <a:pPr marL="285750" indent="-285750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Font typeface="Arial,Sans-Serif"/>
              <a:buChar char="•"/>
            </a:pPr>
            <a:endParaRPr lang="en-US" dirty="0"/>
          </a:p>
          <a:p>
            <a:pPr marL="571500" indent="-571500">
              <a:lnSpc>
                <a:spcPct val="95000"/>
              </a:lnSpc>
              <a:spcBef>
                <a:spcPts val="500"/>
              </a:spcBef>
              <a:spcAft>
                <a:spcPts val="0"/>
              </a:spcAft>
              <a:buFont typeface="Arial"/>
              <a:buChar char="•"/>
            </a:pPr>
            <a:endParaRPr lang="uz-Cyrl-UZ" dirty="0"/>
          </a:p>
          <a:p>
            <a:pPr marL="304165" indent="-304165">
              <a:lnSpc>
                <a:spcPct val="95000"/>
              </a:lnSpc>
              <a:spcBef>
                <a:spcPts val="500"/>
              </a:spcBef>
              <a:spcAft>
                <a:spcPts val="0"/>
              </a:spcAft>
              <a:buFont typeface="Arial"/>
              <a:buChar char="•"/>
            </a:pPr>
            <a:endParaRPr lang="uz-Cyrl-UZ" dirty="0">
              <a:latin typeface="Arial"/>
              <a:cs typeface="Arial"/>
            </a:endParaRPr>
          </a:p>
          <a:p>
            <a:pPr marL="304165" indent="-304165">
              <a:lnSpc>
                <a:spcPct val="95000"/>
              </a:lnSpc>
              <a:spcBef>
                <a:spcPts val="500"/>
              </a:spcBef>
              <a:spcAft>
                <a:spcPts val="0"/>
              </a:spcAft>
              <a:buFont typeface="Arial"/>
              <a:buChar char="•"/>
            </a:pPr>
            <a:endParaRPr lang="en-US" dirty="0">
              <a:latin typeface="Arial"/>
              <a:cs typeface="Arial"/>
            </a:endParaRPr>
          </a:p>
          <a:p>
            <a:pPr>
              <a:lnSpc>
                <a:spcPct val="95000"/>
              </a:lnSpc>
              <a:spcBef>
                <a:spcPts val="500"/>
              </a:spcBef>
              <a:spcAft>
                <a:spcPts val="0"/>
              </a:spcAft>
            </a:pPr>
            <a:endParaRPr lang="uz-Cyrl-UZ" dirty="0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12409A53-AA9E-AA4F-886B-7947C01A42B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r>
              <a:rPr lang="en-US" dirty="0">
                <a:latin typeface="Arial"/>
                <a:cs typeface="Arial"/>
              </a:rPr>
              <a:t>9</a:t>
            </a:r>
            <a:endParaRPr lang="en-US" dirty="0"/>
          </a:p>
        </p:txBody>
      </p:sp>
      <p:pic>
        <p:nvPicPr>
          <p:cNvPr id="6" name="Picture 6" descr="A picture containing text&#10;&#10;Description automatically generated">
            <a:extLst>
              <a:ext uri="{FF2B5EF4-FFF2-40B4-BE49-F238E27FC236}">
                <a16:creationId xmlns:a16="http://schemas.microsoft.com/office/drawing/2014/main" id="{E5E5EF28-2CC3-498D-98F8-5DA369DE2683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21007041" y="927847"/>
            <a:ext cx="1040042" cy="1228164"/>
          </a:xfrm>
          <a:prstGeom prst="rect">
            <a:avLst/>
          </a:prstGeom>
        </p:spPr>
      </p:pic>
      <p:pic>
        <p:nvPicPr>
          <p:cNvPr id="4" name="Picture 6" descr="A picture containing text, clipart&#10;&#10;Description automatically generated">
            <a:extLst>
              <a:ext uri="{FF2B5EF4-FFF2-40B4-BE49-F238E27FC236}">
                <a16:creationId xmlns:a16="http://schemas.microsoft.com/office/drawing/2014/main" id="{4A1B22DD-5E4C-4041-8289-69A3BB55CB47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9098524" y="12512449"/>
            <a:ext cx="2448244" cy="1209675"/>
          </a:xfrm>
          <a:prstGeom prst="rect">
            <a:avLst/>
          </a:prstGeom>
        </p:spPr>
      </p:pic>
      <p:pic>
        <p:nvPicPr>
          <p:cNvPr id="8" name="Picture 9">
            <a:extLst>
              <a:ext uri="{FF2B5EF4-FFF2-40B4-BE49-F238E27FC236}">
                <a16:creationId xmlns:a16="http://schemas.microsoft.com/office/drawing/2014/main" id="{A35724A6-ED4A-4E56-837B-D88086317257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7165094" y="8742588"/>
            <a:ext cx="6234697" cy="3775982"/>
          </a:xfrm>
          <a:prstGeom prst="rect">
            <a:avLst/>
          </a:prstGeom>
        </p:spPr>
      </p:pic>
      <p:pic>
        <p:nvPicPr>
          <p:cNvPr id="10" name="Picture 11" descr="Diagram, schematic&#10;&#10;Description automatically generated">
            <a:extLst>
              <a:ext uri="{FF2B5EF4-FFF2-40B4-BE49-F238E27FC236}">
                <a16:creationId xmlns:a16="http://schemas.microsoft.com/office/drawing/2014/main" id="{32E6CDEA-267B-42F8-B6D2-B41509A3691C}"/>
              </a:ext>
            </a:extLst>
          </p:cNvPr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2172889" y="8740321"/>
            <a:ext cx="4456011" cy="3785960"/>
          </a:xfrm>
          <a:prstGeom prst="rect">
            <a:avLst/>
          </a:prstGeom>
        </p:spPr>
      </p:pic>
      <p:graphicFrame>
        <p:nvGraphicFramePr>
          <p:cNvPr id="13" name="Table 12">
            <a:extLst>
              <a:ext uri="{FF2B5EF4-FFF2-40B4-BE49-F238E27FC236}">
                <a16:creationId xmlns:a16="http://schemas.microsoft.com/office/drawing/2014/main" id="{7FB5D733-5E42-42CB-984A-54FB65023C8C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2370989935"/>
              </p:ext>
            </p:extLst>
          </p:nvPr>
        </p:nvGraphicFramePr>
        <p:xfrm>
          <a:off x="13935528" y="3701142"/>
          <a:ext cx="9861620" cy="6084491"/>
        </p:xfrm>
        <a:graphic>
          <a:graphicData uri="http://schemas.openxmlformats.org/drawingml/2006/table">
            <a:tbl>
              <a:tblPr firstRow="1" bandRow="1">
                <a:tableStyleId>{912C8C85-51F0-491E-9774-3900AFEF0FD7}</a:tableStyleId>
              </a:tblPr>
              <a:tblGrid>
                <a:gridCol w="6233106">
                  <a:extLst>
                    <a:ext uri="{9D8B030D-6E8A-4147-A177-3AD203B41FA5}">
                      <a16:colId xmlns:a16="http://schemas.microsoft.com/office/drawing/2014/main" val="1309845287"/>
                    </a:ext>
                  </a:extLst>
                </a:gridCol>
                <a:gridCol w="3628514">
                  <a:extLst>
                    <a:ext uri="{9D8B030D-6E8A-4147-A177-3AD203B41FA5}">
                      <a16:colId xmlns:a16="http://schemas.microsoft.com/office/drawing/2014/main" val="3832845269"/>
                    </a:ext>
                  </a:extLst>
                </a:gridCol>
              </a:tblGrid>
              <a:tr h="890856">
                <a:tc>
                  <a:txBody>
                    <a:bodyPr/>
                    <a:lstStyle/>
                    <a:p>
                      <a:pPr algn="just" fontAlgn="base"/>
                      <a:r>
                        <a:rPr lang="en-US" sz="2800" dirty="0">
                          <a:effectLst/>
                        </a:rPr>
                        <a:t>Variable ​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 fontAlgn="base"/>
                      <a:r>
                        <a:rPr lang="en-US" sz="2800" dirty="0">
                          <a:effectLst/>
                        </a:rPr>
                        <a:t>Percentage (%)​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3821354729"/>
                  </a:ext>
                </a:extLst>
              </a:tr>
              <a:tr h="548219">
                <a:tc>
                  <a:txBody>
                    <a:bodyPr/>
                    <a:lstStyle/>
                    <a:p>
                      <a:pPr algn="just" fontAlgn="base"/>
                      <a:r>
                        <a:rPr lang="en-US" sz="2800" b="1" dirty="0">
                          <a:solidFill>
                            <a:schemeClr val="accent6"/>
                          </a:solidFill>
                          <a:effectLst/>
                        </a:rPr>
                        <a:t>Femoral Fixation ​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 fontAlgn="auto"/>
                      <a:r>
                        <a:rPr lang="en-US" sz="2800" dirty="0">
                          <a:solidFill>
                            <a:schemeClr val="accent6"/>
                          </a:solidFill>
                          <a:effectLst/>
                        </a:rPr>
                        <a:t>​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61903210"/>
                  </a:ext>
                </a:extLst>
              </a:tr>
              <a:tr h="1505857">
                <a:tc>
                  <a:txBody>
                    <a:bodyPr/>
                    <a:lstStyle/>
                    <a:p>
                      <a:pPr algn="just" fontAlgn="base"/>
                      <a:r>
                        <a:rPr lang="en-US" sz="2800" dirty="0">
                          <a:solidFill>
                            <a:schemeClr val="accent6"/>
                          </a:solidFill>
                          <a:effectLst/>
                        </a:rPr>
                        <a:t>     Interference Screw​</a:t>
                      </a:r>
                    </a:p>
                    <a:p>
                      <a:pPr algn="just" fontAlgn="base"/>
                      <a:r>
                        <a:rPr lang="en-US" sz="2800" dirty="0">
                          <a:solidFill>
                            <a:schemeClr val="accent6"/>
                          </a:solidFill>
                          <a:effectLst/>
                        </a:rPr>
                        <a:t>         1​</a:t>
                      </a:r>
                    </a:p>
                    <a:p>
                      <a:pPr algn="just" fontAlgn="base"/>
                      <a:r>
                        <a:rPr lang="en-US" sz="2800" dirty="0">
                          <a:solidFill>
                            <a:schemeClr val="accent6"/>
                          </a:solidFill>
                          <a:effectLst/>
                        </a:rPr>
                        <a:t>         2​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 fontAlgn="base"/>
                      <a:r>
                        <a:rPr lang="en-US" sz="2800" b="1" dirty="0">
                          <a:solidFill>
                            <a:schemeClr val="accent6"/>
                          </a:solidFill>
                          <a:effectLst/>
                        </a:rPr>
                        <a:t> 84%​</a:t>
                      </a:r>
                    </a:p>
                    <a:p>
                      <a:pPr algn="ctr" fontAlgn="base"/>
                      <a:r>
                        <a:rPr lang="en-US" sz="2800" dirty="0">
                          <a:solidFill>
                            <a:schemeClr val="accent6"/>
                          </a:solidFill>
                          <a:effectLst/>
                        </a:rPr>
                        <a:t> 81%​</a:t>
                      </a:r>
                    </a:p>
                    <a:p>
                      <a:pPr algn="ctr" fontAlgn="base"/>
                      <a:r>
                        <a:rPr lang="en-US" sz="2800" dirty="0">
                          <a:solidFill>
                            <a:schemeClr val="accent6"/>
                          </a:solidFill>
                          <a:effectLst/>
                        </a:rPr>
                        <a:t>3%​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077161146"/>
                  </a:ext>
                </a:extLst>
              </a:tr>
              <a:tr h="1524000">
                <a:tc>
                  <a:txBody>
                    <a:bodyPr/>
                    <a:lstStyle/>
                    <a:p>
                      <a:pPr algn="just" fontAlgn="base"/>
                      <a:r>
                        <a:rPr lang="en-US" sz="2800" dirty="0">
                          <a:solidFill>
                            <a:schemeClr val="accent6"/>
                          </a:solidFill>
                          <a:effectLst/>
                        </a:rPr>
                        <a:t>      Suture Anchors​</a:t>
                      </a:r>
                    </a:p>
                    <a:p>
                      <a:pPr algn="just" fontAlgn="base"/>
                      <a:r>
                        <a:rPr lang="en-US" sz="2800" dirty="0">
                          <a:solidFill>
                            <a:schemeClr val="accent6"/>
                          </a:solidFill>
                          <a:effectLst/>
                        </a:rPr>
                        <a:t>         1 ​</a:t>
                      </a:r>
                    </a:p>
                    <a:p>
                      <a:pPr algn="just" fontAlgn="base"/>
                      <a:r>
                        <a:rPr lang="en-US" sz="2800" dirty="0">
                          <a:solidFill>
                            <a:schemeClr val="accent6"/>
                          </a:solidFill>
                          <a:effectLst/>
                        </a:rPr>
                        <a:t>         2​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 fontAlgn="base"/>
                      <a:r>
                        <a:rPr lang="en-US" sz="2800" b="1" dirty="0">
                          <a:solidFill>
                            <a:schemeClr val="accent6"/>
                          </a:solidFill>
                          <a:effectLst/>
                        </a:rPr>
                        <a:t>12%​</a:t>
                      </a:r>
                    </a:p>
                    <a:p>
                      <a:pPr algn="ctr" fontAlgn="base"/>
                      <a:r>
                        <a:rPr lang="en-US" sz="2800" dirty="0">
                          <a:solidFill>
                            <a:schemeClr val="accent6"/>
                          </a:solidFill>
                          <a:effectLst/>
                        </a:rPr>
                        <a:t>11.5%​</a:t>
                      </a:r>
                    </a:p>
                    <a:p>
                      <a:pPr algn="ctr" fontAlgn="base"/>
                      <a:r>
                        <a:rPr lang="en-US" sz="2800" dirty="0">
                          <a:solidFill>
                            <a:schemeClr val="accent6"/>
                          </a:solidFill>
                          <a:effectLst/>
                        </a:rPr>
                        <a:t>0.5%​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2432542311"/>
                  </a:ext>
                </a:extLst>
              </a:tr>
              <a:tr h="707571">
                <a:tc>
                  <a:txBody>
                    <a:bodyPr/>
                    <a:lstStyle/>
                    <a:p>
                      <a:pPr algn="just" fontAlgn="base"/>
                      <a:r>
                        <a:rPr lang="en-US" sz="2800" dirty="0">
                          <a:solidFill>
                            <a:schemeClr val="accent6"/>
                          </a:solidFill>
                          <a:effectLst/>
                        </a:rPr>
                        <a:t>      Other​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 fontAlgn="base"/>
                      <a:r>
                        <a:rPr lang="en-US" sz="2800" dirty="0">
                          <a:solidFill>
                            <a:schemeClr val="accent6"/>
                          </a:solidFill>
                          <a:effectLst/>
                        </a:rPr>
                        <a:t> 3.5%​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3408670891"/>
                  </a:ext>
                </a:extLst>
              </a:tr>
              <a:tr h="907988">
                <a:tc>
                  <a:txBody>
                    <a:bodyPr/>
                    <a:lstStyle/>
                    <a:p>
                      <a:pPr fontAlgn="base"/>
                      <a:r>
                        <a:rPr lang="en-US" sz="2800" dirty="0">
                          <a:solidFill>
                            <a:schemeClr val="accent6"/>
                          </a:solidFill>
                          <a:effectLst/>
                        </a:rPr>
                        <a:t>      Soft Tissue Fixation of Free Graft​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 fontAlgn="base"/>
                      <a:r>
                        <a:rPr lang="en-US" sz="2800" dirty="0">
                          <a:solidFill>
                            <a:schemeClr val="accent6"/>
                          </a:solidFill>
                          <a:effectLst/>
                        </a:rPr>
                        <a:t> 0.5%​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3747627477"/>
                  </a:ext>
                </a:extLst>
              </a:tr>
            </a:tbl>
          </a:graphicData>
        </a:graphic>
      </p:graphicFrame>
    </p:spTree>
    <p:custDataLst>
      <p:tags r:id="rId1"/>
    </p:custDataLst>
    <p:extLst>
      <p:ext uri="{BB962C8B-B14F-4D97-AF65-F5344CB8AC3E}">
        <p14:creationId xmlns:p14="http://schemas.microsoft.com/office/powerpoint/2010/main" val="1023259997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E3D7053-8A5C-7147-80A6-36B5F7E8710A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>
                <a:latin typeface="Arial"/>
                <a:cs typeface="Arial"/>
              </a:rPr>
              <a:t>Results – Concomitant Procedures</a:t>
            </a:r>
            <a:endParaRPr lang="en-US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85CC8F06-CCC9-7B42-B341-571DCF4151C3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1676619" y="3027796"/>
            <a:ext cx="6801761" cy="6293497"/>
          </a:xfrm>
        </p:spPr>
        <p:txBody>
          <a:bodyPr vert="horz" lIns="91440" tIns="45720" rIns="91440" bIns="45720" rtlCol="0" anchor="t">
            <a:normAutofit lnSpcReduction="10000"/>
          </a:bodyPr>
          <a:lstStyle/>
          <a:p>
            <a:pPr marL="571500" indent="-571500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Font typeface="Arial"/>
              <a:buChar char="•"/>
            </a:pPr>
            <a:r>
              <a:rPr lang="en-US" b="1" dirty="0">
                <a:solidFill>
                  <a:schemeClr val="accent6"/>
                </a:solidFill>
                <a:latin typeface="Arial"/>
                <a:cs typeface="Arial"/>
              </a:rPr>
              <a:t>Lateral release </a:t>
            </a:r>
            <a:r>
              <a:rPr lang="en-US" dirty="0">
                <a:solidFill>
                  <a:schemeClr val="accent6"/>
                </a:solidFill>
                <a:latin typeface="Arial"/>
                <a:cs typeface="Arial"/>
              </a:rPr>
              <a:t>was relatively </a:t>
            </a:r>
            <a:r>
              <a:rPr lang="en-US" b="1" dirty="0">
                <a:solidFill>
                  <a:schemeClr val="accent6"/>
                </a:solidFill>
                <a:latin typeface="Arial"/>
                <a:cs typeface="Arial"/>
              </a:rPr>
              <a:t>uncommon (13%)</a:t>
            </a:r>
            <a:endParaRPr lang="en-US">
              <a:solidFill>
                <a:schemeClr val="accent6"/>
              </a:solidFill>
            </a:endParaRPr>
          </a:p>
          <a:p>
            <a:pPr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</a:pPr>
            <a:endParaRPr lang="en-US" b="1" dirty="0">
              <a:solidFill>
                <a:schemeClr val="accent6"/>
              </a:solidFill>
              <a:latin typeface="Arial"/>
              <a:cs typeface="Arial"/>
            </a:endParaRPr>
          </a:p>
          <a:p>
            <a:pPr marL="571500" indent="-571500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Font typeface="Arial"/>
              <a:buChar char="•"/>
            </a:pPr>
            <a:r>
              <a:rPr lang="en-US" dirty="0">
                <a:solidFill>
                  <a:schemeClr val="accent6"/>
                </a:solidFill>
                <a:latin typeface="Arial"/>
                <a:cs typeface="Arial"/>
              </a:rPr>
              <a:t>Hemi-epiphysiodesis (10%) 2nd most common concomitant procedure</a:t>
            </a:r>
            <a:endParaRPr lang="uz-Cyrl-UZ">
              <a:solidFill>
                <a:schemeClr val="accent6"/>
              </a:solidFill>
              <a:latin typeface="Arial"/>
              <a:cs typeface="Arial"/>
            </a:endParaRPr>
          </a:p>
          <a:p>
            <a:pPr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</a:pPr>
            <a:endParaRPr lang="en-US" dirty="0">
              <a:solidFill>
                <a:schemeClr val="accent6"/>
              </a:solidFill>
              <a:latin typeface="Arial"/>
              <a:cs typeface="Arial"/>
            </a:endParaRPr>
          </a:p>
          <a:p>
            <a:pPr marL="571500" indent="-571500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Font typeface="Arial"/>
              <a:buChar char="•"/>
            </a:pPr>
            <a:r>
              <a:rPr lang="en-US" b="1" dirty="0">
                <a:solidFill>
                  <a:schemeClr val="accent6"/>
                </a:solidFill>
                <a:latin typeface="Arial"/>
                <a:cs typeface="Arial"/>
              </a:rPr>
              <a:t>OC </a:t>
            </a:r>
            <a:r>
              <a:rPr lang="en-US" b="1" dirty="0" err="1">
                <a:solidFill>
                  <a:schemeClr val="accent6"/>
                </a:solidFill>
                <a:latin typeface="Arial"/>
                <a:cs typeface="Arial"/>
              </a:rPr>
              <a:t>Fxs</a:t>
            </a:r>
            <a:r>
              <a:rPr lang="en-US" b="1" dirty="0">
                <a:solidFill>
                  <a:schemeClr val="accent6"/>
                </a:solidFill>
                <a:latin typeface="Arial"/>
                <a:cs typeface="Arial"/>
              </a:rPr>
              <a:t> </a:t>
            </a:r>
            <a:r>
              <a:rPr lang="en-US" dirty="0">
                <a:solidFill>
                  <a:schemeClr val="accent6"/>
                </a:solidFill>
                <a:latin typeface="Arial"/>
                <a:cs typeface="Arial"/>
              </a:rPr>
              <a:t>(15%) – </a:t>
            </a:r>
            <a:r>
              <a:rPr lang="en-US" b="1" dirty="0">
                <a:solidFill>
                  <a:schemeClr val="accent6"/>
                </a:solidFill>
                <a:latin typeface="Arial"/>
                <a:cs typeface="Arial"/>
              </a:rPr>
              <a:t>fixation</a:t>
            </a:r>
            <a:r>
              <a:rPr lang="en-US" dirty="0">
                <a:solidFill>
                  <a:schemeClr val="accent6"/>
                </a:solidFill>
                <a:latin typeface="Arial"/>
                <a:cs typeface="Arial"/>
              </a:rPr>
              <a:t> 2x more common than RLB </a:t>
            </a:r>
            <a:endParaRPr lang="uz-Cyrl-UZ">
              <a:solidFill>
                <a:schemeClr val="accent6"/>
              </a:solidFill>
              <a:latin typeface="Arial"/>
              <a:cs typeface="Arial"/>
            </a:endParaRPr>
          </a:p>
          <a:p>
            <a:pPr marL="304165" indent="-304165">
              <a:lnSpc>
                <a:spcPct val="95000"/>
              </a:lnSpc>
              <a:spcBef>
                <a:spcPts val="500"/>
              </a:spcBef>
              <a:spcAft>
                <a:spcPts val="0"/>
              </a:spcAft>
              <a:buFont typeface="Arial"/>
              <a:buChar char="•"/>
            </a:pPr>
            <a:endParaRPr lang="uz-Cyrl-UZ" dirty="0">
              <a:latin typeface="Arial"/>
              <a:cs typeface="Arial"/>
            </a:endParaRPr>
          </a:p>
          <a:p>
            <a:pPr marL="304165" indent="-304165">
              <a:lnSpc>
                <a:spcPct val="95000"/>
              </a:lnSpc>
              <a:spcBef>
                <a:spcPts val="500"/>
              </a:spcBef>
              <a:spcAft>
                <a:spcPts val="0"/>
              </a:spcAft>
              <a:buFont typeface="Arial"/>
              <a:buChar char="•"/>
            </a:pPr>
            <a:endParaRPr lang="en-US" dirty="0">
              <a:latin typeface="Arial"/>
              <a:cs typeface="Arial"/>
            </a:endParaRPr>
          </a:p>
          <a:p>
            <a:pPr>
              <a:lnSpc>
                <a:spcPct val="95000"/>
              </a:lnSpc>
              <a:spcBef>
                <a:spcPts val="500"/>
              </a:spcBef>
              <a:spcAft>
                <a:spcPts val="0"/>
              </a:spcAft>
            </a:pPr>
            <a:endParaRPr lang="uz-Cyrl-UZ" dirty="0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12409A53-AA9E-AA4F-886B-7947C01A42B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r>
              <a:rPr lang="en-US" dirty="0">
                <a:latin typeface="Arial"/>
                <a:cs typeface="Arial"/>
              </a:rPr>
              <a:t>10</a:t>
            </a:r>
            <a:endParaRPr lang="en-US" dirty="0"/>
          </a:p>
        </p:txBody>
      </p:sp>
      <p:pic>
        <p:nvPicPr>
          <p:cNvPr id="6" name="Picture 6" descr="A picture containing text&#10;&#10;Description automatically generated">
            <a:extLst>
              <a:ext uri="{FF2B5EF4-FFF2-40B4-BE49-F238E27FC236}">
                <a16:creationId xmlns:a16="http://schemas.microsoft.com/office/drawing/2014/main" id="{E5E5EF28-2CC3-498D-98F8-5DA369DE2683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21007041" y="927847"/>
            <a:ext cx="1040042" cy="1228164"/>
          </a:xfrm>
          <a:prstGeom prst="rect">
            <a:avLst/>
          </a:prstGeom>
        </p:spPr>
      </p:pic>
      <p:pic>
        <p:nvPicPr>
          <p:cNvPr id="4" name="Picture 6" descr="A picture containing text, clipart&#10;&#10;Description automatically generated">
            <a:extLst>
              <a:ext uri="{FF2B5EF4-FFF2-40B4-BE49-F238E27FC236}">
                <a16:creationId xmlns:a16="http://schemas.microsoft.com/office/drawing/2014/main" id="{4A1B22DD-5E4C-4041-8289-69A3BB55CB47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9098524" y="12512449"/>
            <a:ext cx="2448244" cy="1209675"/>
          </a:xfrm>
          <a:prstGeom prst="rect">
            <a:avLst/>
          </a:prstGeom>
        </p:spPr>
      </p:pic>
      <p:graphicFrame>
        <p:nvGraphicFramePr>
          <p:cNvPr id="9" name="Table 8">
            <a:extLst>
              <a:ext uri="{FF2B5EF4-FFF2-40B4-BE49-F238E27FC236}">
                <a16:creationId xmlns:a16="http://schemas.microsoft.com/office/drawing/2014/main" id="{FE93AF97-DD47-4767-9EF7-8C4FA4717D32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4128528163"/>
              </p:ext>
            </p:extLst>
          </p:nvPr>
        </p:nvGraphicFramePr>
        <p:xfrm>
          <a:off x="10070596" y="3519714"/>
          <a:ext cx="12806773" cy="8342894"/>
        </p:xfrm>
        <a:graphic>
          <a:graphicData uri="http://schemas.openxmlformats.org/drawingml/2006/table">
            <a:tbl>
              <a:tblPr firstRow="1" bandRow="1">
                <a:tableStyleId>{912C8C85-51F0-491E-9774-3900AFEF0FD7}</a:tableStyleId>
              </a:tblPr>
              <a:tblGrid>
                <a:gridCol w="7954776">
                  <a:extLst>
                    <a:ext uri="{9D8B030D-6E8A-4147-A177-3AD203B41FA5}">
                      <a16:colId xmlns:a16="http://schemas.microsoft.com/office/drawing/2014/main" val="1905988579"/>
                    </a:ext>
                  </a:extLst>
                </a:gridCol>
                <a:gridCol w="4851997">
                  <a:extLst>
                    <a:ext uri="{9D8B030D-6E8A-4147-A177-3AD203B41FA5}">
                      <a16:colId xmlns:a16="http://schemas.microsoft.com/office/drawing/2014/main" val="3320967810"/>
                    </a:ext>
                  </a:extLst>
                </a:gridCol>
              </a:tblGrid>
              <a:tr h="548073">
                <a:tc>
                  <a:txBody>
                    <a:bodyPr/>
                    <a:lstStyle/>
                    <a:p>
                      <a:pPr algn="just" fontAlgn="base"/>
                      <a:r>
                        <a:rPr lang="en-US" sz="2800" dirty="0">
                          <a:effectLst/>
                        </a:rPr>
                        <a:t>Variable ​</a:t>
                      </a:r>
                      <a:endParaRPr lang="en-US" sz="2800">
                        <a:effectLst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 fontAlgn="base"/>
                      <a:r>
                        <a:rPr lang="en-US" sz="2800" dirty="0">
                          <a:effectLst/>
                        </a:rPr>
                        <a:t>Percentage (%)​</a:t>
                      </a:r>
                      <a:endParaRPr lang="en-US" sz="2800">
                        <a:effectLst/>
                      </a:endParaRP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850823654"/>
                  </a:ext>
                </a:extLst>
              </a:tr>
              <a:tr h="700316">
                <a:tc>
                  <a:txBody>
                    <a:bodyPr/>
                    <a:lstStyle/>
                    <a:p>
                      <a:pPr algn="just" fontAlgn="base"/>
                      <a:r>
                        <a:rPr lang="en-US" sz="2800" b="1" dirty="0">
                          <a:solidFill>
                            <a:schemeClr val="accent6"/>
                          </a:solidFill>
                          <a:effectLst/>
                        </a:rPr>
                        <a:t>Additional Procedures​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 fontAlgn="auto"/>
                      <a:r>
                        <a:rPr lang="en-US" sz="2800" dirty="0">
                          <a:solidFill>
                            <a:schemeClr val="accent6"/>
                          </a:solidFill>
                          <a:effectLst/>
                        </a:rPr>
                        <a:t>​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205902849"/>
                  </a:ext>
                </a:extLst>
              </a:tr>
              <a:tr h="1918262">
                <a:tc>
                  <a:txBody>
                    <a:bodyPr/>
                    <a:lstStyle/>
                    <a:p>
                      <a:pPr fontAlgn="base"/>
                      <a:r>
                        <a:rPr lang="en-US" sz="2800" dirty="0">
                          <a:solidFill>
                            <a:schemeClr val="accent6"/>
                          </a:solidFill>
                          <a:effectLst/>
                        </a:rPr>
                        <a:t>      Osteochondral Fracture Treatment​</a:t>
                      </a:r>
                    </a:p>
                    <a:p>
                      <a:pPr algn="just" fontAlgn="base"/>
                      <a:r>
                        <a:rPr lang="en-US" sz="2800" dirty="0">
                          <a:solidFill>
                            <a:schemeClr val="accent6"/>
                          </a:solidFill>
                          <a:effectLst/>
                        </a:rPr>
                        <a:t>          Removed​</a:t>
                      </a:r>
                    </a:p>
                    <a:p>
                      <a:pPr algn="just" fontAlgn="base"/>
                      <a:r>
                        <a:rPr lang="en-US" sz="2800" dirty="0">
                          <a:solidFill>
                            <a:schemeClr val="accent6"/>
                          </a:solidFill>
                          <a:effectLst/>
                        </a:rPr>
                        <a:t>          Fixed​</a:t>
                      </a:r>
                    </a:p>
                    <a:p>
                      <a:pPr algn="just" fontAlgn="base"/>
                      <a:r>
                        <a:rPr lang="en-US" sz="2800" dirty="0">
                          <a:solidFill>
                            <a:schemeClr val="accent6"/>
                          </a:solidFill>
                          <a:effectLst/>
                        </a:rPr>
                        <a:t>          Removed and Fixed​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 fontAlgn="base"/>
                      <a:r>
                        <a:rPr lang="en-US" sz="2800" b="1" dirty="0">
                          <a:solidFill>
                            <a:schemeClr val="accent6"/>
                          </a:solidFill>
                          <a:effectLst/>
                        </a:rPr>
                        <a:t>15%​</a:t>
                      </a:r>
                    </a:p>
                    <a:p>
                      <a:pPr algn="ctr" fontAlgn="base"/>
                      <a:r>
                        <a:rPr lang="en-US" sz="2800" dirty="0">
                          <a:solidFill>
                            <a:schemeClr val="accent6"/>
                          </a:solidFill>
                          <a:effectLst/>
                        </a:rPr>
                        <a:t> 5.5%​</a:t>
                      </a:r>
                    </a:p>
                    <a:p>
                      <a:pPr algn="ctr" fontAlgn="base"/>
                      <a:r>
                        <a:rPr lang="en-US" sz="2800" dirty="0">
                          <a:solidFill>
                            <a:schemeClr val="accent6"/>
                          </a:solidFill>
                          <a:effectLst/>
                        </a:rPr>
                        <a:t> 9%​</a:t>
                      </a:r>
                    </a:p>
                    <a:p>
                      <a:pPr algn="ctr" fontAlgn="base"/>
                      <a:r>
                        <a:rPr lang="en-US" sz="2800" dirty="0">
                          <a:solidFill>
                            <a:schemeClr val="accent6"/>
                          </a:solidFill>
                          <a:effectLst/>
                        </a:rPr>
                        <a:t>0.5%​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3338720986"/>
                  </a:ext>
                </a:extLst>
              </a:tr>
              <a:tr h="669866">
                <a:tc>
                  <a:txBody>
                    <a:bodyPr/>
                    <a:lstStyle/>
                    <a:p>
                      <a:pPr fontAlgn="base"/>
                      <a:r>
                        <a:rPr lang="en-US" sz="2800" dirty="0">
                          <a:solidFill>
                            <a:schemeClr val="accent6"/>
                          </a:solidFill>
                          <a:effectLst/>
                        </a:rPr>
                        <a:t>      Lateral Retinacular Release​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 fontAlgn="base"/>
                      <a:r>
                        <a:rPr lang="en-US" sz="2800" dirty="0">
                          <a:solidFill>
                            <a:schemeClr val="accent6"/>
                          </a:solidFill>
                          <a:effectLst/>
                        </a:rPr>
                        <a:t>13%​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3633180312"/>
                  </a:ext>
                </a:extLst>
              </a:tr>
              <a:tr h="700316">
                <a:tc>
                  <a:txBody>
                    <a:bodyPr/>
                    <a:lstStyle/>
                    <a:p>
                      <a:pPr fontAlgn="base"/>
                      <a:r>
                        <a:rPr lang="en-US" sz="2800" dirty="0">
                          <a:solidFill>
                            <a:schemeClr val="accent6"/>
                          </a:solidFill>
                          <a:effectLst/>
                        </a:rPr>
                        <a:t>      Lateral Retinacular Lengthening​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 fontAlgn="base"/>
                      <a:r>
                        <a:rPr lang="en-US" sz="2800" dirty="0">
                          <a:solidFill>
                            <a:schemeClr val="accent6"/>
                          </a:solidFill>
                          <a:effectLst/>
                        </a:rPr>
                        <a:t>2%​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2230794098"/>
                  </a:ext>
                </a:extLst>
              </a:tr>
              <a:tr h="700316">
                <a:tc>
                  <a:txBody>
                    <a:bodyPr/>
                    <a:lstStyle/>
                    <a:p>
                      <a:pPr fontAlgn="base"/>
                      <a:r>
                        <a:rPr lang="en-US" sz="2800" dirty="0">
                          <a:solidFill>
                            <a:schemeClr val="accent6"/>
                          </a:solidFill>
                          <a:effectLst/>
                        </a:rPr>
                        <a:t>      Patellofemoral Chondroplasty​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 fontAlgn="base"/>
                      <a:r>
                        <a:rPr lang="en-US" sz="2800" dirty="0">
                          <a:solidFill>
                            <a:schemeClr val="accent6"/>
                          </a:solidFill>
                          <a:effectLst/>
                        </a:rPr>
                        <a:t>25%​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169996318"/>
                  </a:ext>
                </a:extLst>
              </a:tr>
              <a:tr h="669866">
                <a:tc>
                  <a:txBody>
                    <a:bodyPr/>
                    <a:lstStyle/>
                    <a:p>
                      <a:pPr fontAlgn="base"/>
                      <a:r>
                        <a:rPr lang="en-US" sz="2800" dirty="0">
                          <a:solidFill>
                            <a:schemeClr val="accent6"/>
                          </a:solidFill>
                          <a:effectLst/>
                        </a:rPr>
                        <a:t>      Hemi- Epiphysiodeses​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 fontAlgn="base"/>
                      <a:r>
                        <a:rPr lang="en-US" sz="2800" dirty="0">
                          <a:solidFill>
                            <a:schemeClr val="accent6"/>
                          </a:solidFill>
                          <a:effectLst/>
                        </a:rPr>
                        <a:t> 10%​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646869258"/>
                  </a:ext>
                </a:extLst>
              </a:tr>
              <a:tr h="1096147">
                <a:tc>
                  <a:txBody>
                    <a:bodyPr/>
                    <a:lstStyle/>
                    <a:p>
                      <a:pPr fontAlgn="base"/>
                      <a:r>
                        <a:rPr lang="en-US" sz="2800" dirty="0">
                          <a:solidFill>
                            <a:schemeClr val="accent6"/>
                          </a:solidFill>
                          <a:effectLst/>
                        </a:rPr>
                        <a:t>      Medial Quadriceps Tendon-Femoral ​</a:t>
                      </a:r>
                    </a:p>
                    <a:p>
                      <a:pPr fontAlgn="base"/>
                      <a:r>
                        <a:rPr lang="en-US" sz="2800" dirty="0">
                          <a:solidFill>
                            <a:schemeClr val="accent6"/>
                          </a:solidFill>
                          <a:effectLst/>
                        </a:rPr>
                        <a:t>      Ligament Reconstruction​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 fontAlgn="base"/>
                      <a:r>
                        <a:rPr lang="en-US" sz="2800" dirty="0">
                          <a:solidFill>
                            <a:schemeClr val="accent6"/>
                          </a:solidFill>
                          <a:effectLst/>
                        </a:rPr>
                        <a:t> 3%​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540057816"/>
                  </a:ext>
                </a:extLst>
              </a:tr>
              <a:tr h="669866">
                <a:tc>
                  <a:txBody>
                    <a:bodyPr/>
                    <a:lstStyle/>
                    <a:p>
                      <a:pPr fontAlgn="base"/>
                      <a:r>
                        <a:rPr lang="en-US" sz="2800" dirty="0">
                          <a:solidFill>
                            <a:schemeClr val="accent6"/>
                          </a:solidFill>
                          <a:effectLst/>
                        </a:rPr>
                        <a:t>      Grammont Realignment Procedure​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 fontAlgn="base"/>
                      <a:r>
                        <a:rPr lang="en-US" sz="2800" dirty="0">
                          <a:solidFill>
                            <a:schemeClr val="accent6"/>
                          </a:solidFill>
                          <a:effectLst/>
                        </a:rPr>
                        <a:t> 3%​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301310160"/>
                  </a:ext>
                </a:extLst>
              </a:tr>
              <a:tr h="669866">
                <a:tc>
                  <a:txBody>
                    <a:bodyPr/>
                    <a:lstStyle/>
                    <a:p>
                      <a:pPr fontAlgn="base"/>
                      <a:r>
                        <a:rPr lang="en-US" sz="2800" dirty="0">
                          <a:solidFill>
                            <a:schemeClr val="accent6"/>
                          </a:solidFill>
                          <a:effectLst/>
                        </a:rPr>
                        <a:t>      Cartilage Restoration Procedure​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 fontAlgn="base"/>
                      <a:r>
                        <a:rPr lang="en-US" sz="2800" dirty="0">
                          <a:solidFill>
                            <a:schemeClr val="accent6"/>
                          </a:solidFill>
                          <a:effectLst/>
                        </a:rPr>
                        <a:t>1%​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3167905569"/>
                  </a:ext>
                </a:extLst>
              </a:tr>
            </a:tbl>
          </a:graphicData>
        </a:graphic>
      </p:graphicFrame>
      <p:sp>
        <p:nvSpPr>
          <p:cNvPr id="14" name="Rectangle 13">
            <a:extLst>
              <a:ext uri="{FF2B5EF4-FFF2-40B4-BE49-F238E27FC236}">
                <a16:creationId xmlns:a16="http://schemas.microsoft.com/office/drawing/2014/main" id="{81423FBB-A4C4-4A3F-90F9-1277C7CFA490}"/>
              </a:ext>
            </a:extLst>
          </p:cNvPr>
          <p:cNvSpPr/>
          <p:nvPr/>
        </p:nvSpPr>
        <p:spPr>
          <a:xfrm>
            <a:off x="10471182" y="6704247"/>
            <a:ext cx="10890105" cy="1242325"/>
          </a:xfrm>
          <a:prstGeom prst="rect">
            <a:avLst/>
          </a:prstGeom>
          <a:noFill/>
          <a:ln w="28575">
            <a:solidFill>
              <a:srgbClr val="FF0000"/>
            </a:solidFill>
          </a:ln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ctr"/>
            <a:endParaRPr lang="en-US"/>
          </a:p>
        </p:txBody>
      </p:sp>
      <p:sp>
        <p:nvSpPr>
          <p:cNvPr id="15" name="Rectangle 14">
            <a:extLst>
              <a:ext uri="{FF2B5EF4-FFF2-40B4-BE49-F238E27FC236}">
                <a16:creationId xmlns:a16="http://schemas.microsoft.com/office/drawing/2014/main" id="{9CD915BF-2430-4529-9019-BF72ADE8DF38}"/>
              </a:ext>
            </a:extLst>
          </p:cNvPr>
          <p:cNvSpPr/>
          <p:nvPr/>
        </p:nvSpPr>
        <p:spPr>
          <a:xfrm>
            <a:off x="10469799" y="8772532"/>
            <a:ext cx="10890105" cy="552897"/>
          </a:xfrm>
          <a:prstGeom prst="rect">
            <a:avLst/>
          </a:prstGeom>
          <a:noFill/>
          <a:ln w="28575">
            <a:solidFill>
              <a:srgbClr val="FF0000"/>
            </a:solidFill>
          </a:ln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ctr"/>
            <a:endParaRPr lang="en-US"/>
          </a:p>
        </p:txBody>
      </p:sp>
      <p:sp>
        <p:nvSpPr>
          <p:cNvPr id="16" name="Rectangle 15">
            <a:extLst>
              <a:ext uri="{FF2B5EF4-FFF2-40B4-BE49-F238E27FC236}">
                <a16:creationId xmlns:a16="http://schemas.microsoft.com/office/drawing/2014/main" id="{239D5A78-C6CB-4A99-AD98-9F2A677B159E}"/>
              </a:ext>
            </a:extLst>
          </p:cNvPr>
          <p:cNvSpPr/>
          <p:nvPr/>
        </p:nvSpPr>
        <p:spPr>
          <a:xfrm>
            <a:off x="10469780" y="9425675"/>
            <a:ext cx="10890105" cy="952040"/>
          </a:xfrm>
          <a:prstGeom prst="rect">
            <a:avLst/>
          </a:prstGeom>
          <a:noFill/>
          <a:ln w="28575">
            <a:solidFill>
              <a:srgbClr val="FF0000"/>
            </a:solidFill>
          </a:ln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ctr"/>
            <a:endParaRPr lang="en-US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978284172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E3D7053-8A5C-7147-80A6-36B5F7E8710A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>
                <a:latin typeface="Arial"/>
                <a:cs typeface="Arial"/>
              </a:rPr>
              <a:t>Conclusion</a:t>
            </a:r>
            <a:endParaRPr lang="en-US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85CC8F06-CCC9-7B42-B341-571DCF4151C3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1676619" y="3027796"/>
            <a:ext cx="19684866" cy="9268925"/>
          </a:xfrm>
        </p:spPr>
        <p:txBody>
          <a:bodyPr vert="horz" lIns="91440" tIns="45720" rIns="91440" bIns="45720" rtlCol="0" anchor="t">
            <a:normAutofit/>
          </a:bodyPr>
          <a:lstStyle/>
          <a:p>
            <a:pPr marL="571500" indent="-571500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Font typeface="Arial"/>
              <a:buChar char="•"/>
            </a:pPr>
            <a:r>
              <a:rPr lang="en-US" b="1" dirty="0">
                <a:latin typeface="Arial"/>
                <a:cs typeface="Arial"/>
              </a:rPr>
              <a:t>Variation in different aspects </a:t>
            </a:r>
            <a:r>
              <a:rPr lang="en-US" dirty="0">
                <a:latin typeface="Arial"/>
                <a:cs typeface="Arial"/>
              </a:rPr>
              <a:t>of MPFLR technique is </a:t>
            </a:r>
            <a:r>
              <a:rPr lang="en-US" b="1" dirty="0">
                <a:latin typeface="Arial"/>
                <a:cs typeface="Arial"/>
              </a:rPr>
              <a:t>substantial</a:t>
            </a:r>
            <a:r>
              <a:rPr lang="en-US" dirty="0">
                <a:latin typeface="Arial"/>
                <a:cs typeface="Arial"/>
              </a:rPr>
              <a:t> among this large cohort of orthopedic surgeons</a:t>
            </a:r>
            <a:endParaRPr lang="uz-Cyrl-UZ" dirty="0">
              <a:latin typeface="Arial"/>
              <a:cs typeface="Arial"/>
            </a:endParaRPr>
          </a:p>
          <a:p>
            <a:pPr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</a:pPr>
            <a:endParaRPr lang="en-US" dirty="0">
              <a:latin typeface="Arial"/>
              <a:cs typeface="Arial"/>
            </a:endParaRPr>
          </a:p>
          <a:p>
            <a:pPr marL="571500" indent="-571500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Font typeface="Arial"/>
              <a:buChar char="•"/>
            </a:pPr>
            <a:r>
              <a:rPr lang="en-US" dirty="0">
                <a:latin typeface="Arial"/>
                <a:cs typeface="Arial"/>
              </a:rPr>
              <a:t>Given the well-established importance of decreasing variation for healthcare cost containment and optimization of outcomes, </a:t>
            </a:r>
            <a:r>
              <a:rPr lang="en-US" b="1" dirty="0">
                <a:latin typeface="Arial"/>
                <a:cs typeface="Arial"/>
              </a:rPr>
              <a:t>comparative studies</a:t>
            </a:r>
            <a:r>
              <a:rPr lang="en-US" dirty="0">
                <a:latin typeface="Arial"/>
                <a:cs typeface="Arial"/>
              </a:rPr>
              <a:t> and sub-stratified analyses are needed to better elucidate the most favorable techniques and their components</a:t>
            </a:r>
            <a:endParaRPr lang="en-US" b="1" dirty="0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12409A53-AA9E-AA4F-886B-7947C01A42B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r>
              <a:rPr lang="en-US" dirty="0"/>
              <a:t>11</a:t>
            </a:r>
          </a:p>
        </p:txBody>
      </p:sp>
      <p:pic>
        <p:nvPicPr>
          <p:cNvPr id="6" name="Picture 6" descr="A picture containing text&#10;&#10;Description automatically generated">
            <a:extLst>
              <a:ext uri="{FF2B5EF4-FFF2-40B4-BE49-F238E27FC236}">
                <a16:creationId xmlns:a16="http://schemas.microsoft.com/office/drawing/2014/main" id="{E5E5EF28-2CC3-498D-98F8-5DA369DE2683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21007041" y="927847"/>
            <a:ext cx="1040042" cy="1228164"/>
          </a:xfrm>
          <a:prstGeom prst="rect">
            <a:avLst/>
          </a:prstGeom>
        </p:spPr>
      </p:pic>
      <p:pic>
        <p:nvPicPr>
          <p:cNvPr id="4" name="Picture 6" descr="A picture containing text, clipart&#10;&#10;Description automatically generated">
            <a:extLst>
              <a:ext uri="{FF2B5EF4-FFF2-40B4-BE49-F238E27FC236}">
                <a16:creationId xmlns:a16="http://schemas.microsoft.com/office/drawing/2014/main" id="{4A1B22DD-5E4C-4041-8289-69A3BB55CB47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9098524" y="12512449"/>
            <a:ext cx="2448244" cy="1209675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3253547883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644787D2-57FF-D345-B6CF-782465B5B71B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6459455" y="2048355"/>
            <a:ext cx="12725401" cy="2775143"/>
          </a:xfrm>
        </p:spPr>
        <p:txBody>
          <a:bodyPr/>
          <a:lstStyle/>
          <a:p>
            <a:pPr algn="ctr"/>
            <a:r>
              <a:rPr lang="en-US" dirty="0">
                <a:latin typeface="Arial"/>
                <a:cs typeface="Arial"/>
              </a:rPr>
              <a:t>Thank you!</a:t>
            </a:r>
            <a:endParaRPr lang="en-US" dirty="0"/>
          </a:p>
        </p:txBody>
      </p:sp>
      <p:pic>
        <p:nvPicPr>
          <p:cNvPr id="5" name="Picture 5" descr="A picture containing building, water, outdoor, boat&#10;&#10;Description automatically generated">
            <a:extLst>
              <a:ext uri="{FF2B5EF4-FFF2-40B4-BE49-F238E27FC236}">
                <a16:creationId xmlns:a16="http://schemas.microsoft.com/office/drawing/2014/main" id="{59A8D7FD-AE91-44A4-AA26-0F7B516D456A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5279270" y="3953641"/>
            <a:ext cx="15103419" cy="7928460"/>
          </a:xfrm>
          <a:prstGeom prst="rect">
            <a:avLst/>
          </a:prstGeom>
        </p:spPr>
      </p:pic>
      <p:pic>
        <p:nvPicPr>
          <p:cNvPr id="6" name="Picture 6" descr="A picture containing text&#10;&#10;Description automatically generated">
            <a:extLst>
              <a:ext uri="{FF2B5EF4-FFF2-40B4-BE49-F238E27FC236}">
                <a16:creationId xmlns:a16="http://schemas.microsoft.com/office/drawing/2014/main" id="{9C6787F8-8F6F-4CF6-B630-DA8D4061119C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4919004" y="1711036"/>
            <a:ext cx="1759756" cy="2050472"/>
          </a:xfrm>
          <a:prstGeom prst="rect">
            <a:avLst/>
          </a:prstGeom>
        </p:spPr>
      </p:pic>
      <p:sp>
        <p:nvSpPr>
          <p:cNvPr id="9" name="TextBox 8">
            <a:extLst>
              <a:ext uri="{FF2B5EF4-FFF2-40B4-BE49-F238E27FC236}">
                <a16:creationId xmlns:a16="http://schemas.microsoft.com/office/drawing/2014/main" id="{65031D6E-DC67-42AC-8EE4-659DA4E4C8E1}"/>
              </a:ext>
            </a:extLst>
          </p:cNvPr>
          <p:cNvSpPr txBox="1"/>
          <p:nvPr/>
        </p:nvSpPr>
        <p:spPr>
          <a:xfrm>
            <a:off x="10821987" y="6629400"/>
            <a:ext cx="2743200" cy="369332"/>
          </a:xfrm>
          <a:prstGeom prst="rect">
            <a:avLst/>
          </a:prstGeom>
          <a:noFill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spAutoFit/>
          </a:bodyPr>
          <a:lstStyle/>
          <a:p>
            <a:pPr algn="l"/>
            <a:r>
              <a:rPr lang="en-US" dirty="0"/>
              <a:t>Click to add </a:t>
            </a:r>
            <a:r>
              <a:rPr lang="en-US" dirty="0" err="1"/>
              <a:t>tex</a:t>
            </a:r>
          </a:p>
        </p:txBody>
      </p:sp>
      <p:sp>
        <p:nvSpPr>
          <p:cNvPr id="10" name="TextBox 9">
            <a:extLst>
              <a:ext uri="{FF2B5EF4-FFF2-40B4-BE49-F238E27FC236}">
                <a16:creationId xmlns:a16="http://schemas.microsoft.com/office/drawing/2014/main" id="{3806D5E2-C7DF-47ED-A81D-41FEFC5E365F}"/>
              </a:ext>
            </a:extLst>
          </p:cNvPr>
          <p:cNvSpPr txBox="1"/>
          <p:nvPr/>
        </p:nvSpPr>
        <p:spPr>
          <a:xfrm>
            <a:off x="5283759" y="12508057"/>
            <a:ext cx="12747483" cy="646331"/>
          </a:xfrm>
          <a:prstGeom prst="rect">
            <a:avLst/>
          </a:prstGeom>
          <a:noFill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spAutoFit/>
          </a:bodyPr>
          <a:lstStyle/>
          <a:p>
            <a:r>
              <a:rPr lang="en-US" sz="3600" b="1" dirty="0"/>
              <a:t>Contact Information</a:t>
            </a:r>
            <a:r>
              <a:rPr lang="en-US" sz="3600" dirty="0"/>
              <a:t>: Daniel W. Green, greendw@hss.edu</a:t>
            </a:r>
            <a:endParaRPr lang="en-US" sz="3600">
              <a:cs typeface="Arial"/>
            </a:endParaRPr>
          </a:p>
        </p:txBody>
      </p:sp>
      <p:pic>
        <p:nvPicPr>
          <p:cNvPr id="3" name="Picture 6" descr="A picture containing text, clipart&#10;&#10;Description automatically generated">
            <a:extLst>
              <a:ext uri="{FF2B5EF4-FFF2-40B4-BE49-F238E27FC236}">
                <a16:creationId xmlns:a16="http://schemas.microsoft.com/office/drawing/2014/main" id="{E3A2E371-D9F7-439D-B20D-420750602B41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19098524" y="12512449"/>
            <a:ext cx="2448244" cy="1209675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338732869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E3D7053-8A5C-7147-80A6-36B5F7E8710A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Author Disclosures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85CC8F06-CCC9-7B42-B341-571DCF4151C3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1676619" y="2979965"/>
            <a:ext cx="20365576" cy="9373961"/>
          </a:xfrm>
        </p:spPr>
        <p:txBody>
          <a:bodyPr vert="horz" lIns="91440" tIns="45720" rIns="91440" bIns="45720" rtlCol="0" anchor="t">
            <a:normAutofit fontScale="85000" lnSpcReduction="20000"/>
          </a:bodyPr>
          <a:lstStyle/>
          <a:p>
            <a:pPr marL="571500" indent="-571500">
              <a:buFont typeface="Arial"/>
              <a:buChar char="•"/>
            </a:pPr>
            <a:r>
              <a:rPr lang="en-US" b="1" dirty="0">
                <a:latin typeface="Arial"/>
                <a:cs typeface="Arial"/>
              </a:rPr>
              <a:t>Benton E. Heyworth, MD</a:t>
            </a:r>
          </a:p>
          <a:p>
            <a:pPr lvl="1">
              <a:buFont typeface="Wingdings"/>
              <a:buChar char="§"/>
            </a:pPr>
            <a:r>
              <a:rPr lang="en-US" dirty="0">
                <a:latin typeface="Arial"/>
                <a:cs typeface="Arial"/>
              </a:rPr>
              <a:t>Receives royalties from Springer. Stock or stock options in Imagen Technologies.</a:t>
            </a:r>
          </a:p>
          <a:p>
            <a:pPr marL="571500" indent="-571500">
              <a:buFont typeface="Arial"/>
              <a:buChar char="•"/>
            </a:pPr>
            <a:r>
              <a:rPr lang="en-US" b="1" dirty="0">
                <a:latin typeface="Arial"/>
                <a:cs typeface="Arial"/>
              </a:rPr>
              <a:t>Sofia Hidalgo Perea, BS, Matthew Veerkamp, BA, Eric J. Wall, MD, </a:t>
            </a:r>
          </a:p>
          <a:p>
            <a:pPr lvl="1">
              <a:buFont typeface="Wingdings"/>
              <a:buChar char="§"/>
            </a:pPr>
            <a:r>
              <a:rPr lang="en-US" dirty="0">
                <a:latin typeface="Arial"/>
                <a:cs typeface="Arial"/>
              </a:rPr>
              <a:t>No financial conflicts to disclose</a:t>
            </a:r>
            <a:endParaRPr lang="en-US" dirty="0"/>
          </a:p>
          <a:p>
            <a:pPr marL="571500" indent="-571500">
              <a:buClr>
                <a:srgbClr val="0074BC"/>
              </a:buClr>
              <a:buSzPct val="120000"/>
              <a:buFont typeface="Arial"/>
              <a:buChar char="•"/>
            </a:pPr>
            <a:r>
              <a:rPr lang="en-US" b="1" dirty="0">
                <a:latin typeface="Arial"/>
                <a:cs typeface="Arial"/>
              </a:rPr>
              <a:t>Daniel W. Green, MD, MS, FACS</a:t>
            </a:r>
          </a:p>
          <a:p>
            <a:pPr lvl="1">
              <a:buFont typeface="Wingdings"/>
              <a:buChar char="§"/>
            </a:pPr>
            <a:r>
              <a:rPr lang="en-US" dirty="0">
                <a:latin typeface="Arial"/>
                <a:cs typeface="Arial"/>
              </a:rPr>
              <a:t>Receives royalties from Arthrex, Inc. and Pega Medical. Consultant for Arthrex, Inc. </a:t>
            </a:r>
          </a:p>
          <a:p>
            <a:pPr marL="571500" indent="-571500">
              <a:buFont typeface="Arial"/>
              <a:buChar char="•"/>
            </a:pPr>
            <a:r>
              <a:rPr lang="en-US" b="1" dirty="0">
                <a:latin typeface="Arial"/>
                <a:cs typeface="Arial"/>
              </a:rPr>
              <a:t>Philip L. Wilson, MD</a:t>
            </a:r>
            <a:endParaRPr lang="en-US" dirty="0"/>
          </a:p>
          <a:p>
            <a:pPr lvl="1">
              <a:buFont typeface="Wingdings"/>
              <a:buChar char="§"/>
            </a:pPr>
            <a:r>
              <a:rPr lang="en-US" dirty="0">
                <a:latin typeface="Arial"/>
                <a:cs typeface="Arial"/>
              </a:rPr>
              <a:t>Receives royalties from Elsevier.</a:t>
            </a:r>
            <a:endParaRPr lang="en-US" dirty="0"/>
          </a:p>
          <a:p>
            <a:pPr marL="571500" indent="-571500">
              <a:buFont typeface="Arial,Sans-Serif"/>
              <a:buChar char="•"/>
            </a:pPr>
            <a:r>
              <a:rPr lang="en-US" b="1" dirty="0">
                <a:latin typeface="Arial"/>
                <a:cs typeface="Arial"/>
              </a:rPr>
              <a:t>Beth E. Shubin Stein, MD</a:t>
            </a:r>
          </a:p>
          <a:p>
            <a:pPr lvl="1">
              <a:buFont typeface="Wingdings"/>
              <a:buChar char="§"/>
            </a:pPr>
            <a:r>
              <a:rPr lang="en-US" dirty="0">
                <a:latin typeface="Arial"/>
                <a:cs typeface="Arial"/>
              </a:rPr>
              <a:t>Receives royalties from Arthrex, Inc. Consultant for Arthrex, Inc.</a:t>
            </a:r>
          </a:p>
          <a:p>
            <a:pPr indent="-571500">
              <a:buFont typeface="Arial"/>
              <a:buChar char="•"/>
            </a:pPr>
            <a:r>
              <a:rPr lang="en-US" b="1" dirty="0">
                <a:latin typeface="Arial"/>
                <a:cs typeface="Arial"/>
              </a:rPr>
              <a:t>Shital N. Parikh, MD</a:t>
            </a:r>
            <a:endParaRPr lang="en-US" dirty="0">
              <a:latin typeface="Arial"/>
              <a:cs typeface="Arial"/>
            </a:endParaRPr>
          </a:p>
          <a:p>
            <a:pPr lvl="1">
              <a:buFont typeface="Wingdings"/>
              <a:buChar char="§"/>
            </a:pPr>
            <a:r>
              <a:rPr lang="en-US" dirty="0">
                <a:latin typeface="Arial"/>
                <a:cs typeface="Arial"/>
              </a:rPr>
              <a:t>Receives royalties from Wolters Kluwer Health – Lippincott Williams &amp; Wilkins</a:t>
            </a:r>
            <a:endParaRPr lang="en-US" b="1" dirty="0">
              <a:latin typeface="Arial"/>
              <a:cs typeface="Arial"/>
            </a:endParaRPr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12409A53-AA9E-AA4F-886B-7947C01A42B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r>
              <a:rPr lang="en-US" dirty="0"/>
              <a:t>1</a:t>
            </a:r>
          </a:p>
        </p:txBody>
      </p:sp>
      <p:pic>
        <p:nvPicPr>
          <p:cNvPr id="6" name="Picture 6" descr="A picture containing text&#10;&#10;Description automatically generated">
            <a:extLst>
              <a:ext uri="{FF2B5EF4-FFF2-40B4-BE49-F238E27FC236}">
                <a16:creationId xmlns:a16="http://schemas.microsoft.com/office/drawing/2014/main" id="{E5E5EF28-2CC3-498D-98F8-5DA369DE2683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21007041" y="927847"/>
            <a:ext cx="1040042" cy="1228164"/>
          </a:xfrm>
          <a:prstGeom prst="rect">
            <a:avLst/>
          </a:prstGeom>
        </p:spPr>
      </p:pic>
      <p:pic>
        <p:nvPicPr>
          <p:cNvPr id="4" name="Picture 6" descr="A picture containing text, clipart&#10;&#10;Description automatically generated">
            <a:extLst>
              <a:ext uri="{FF2B5EF4-FFF2-40B4-BE49-F238E27FC236}">
                <a16:creationId xmlns:a16="http://schemas.microsoft.com/office/drawing/2014/main" id="{FE0FC7D6-E11E-42A4-951C-ECFE9978BCA7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9098524" y="12512449"/>
            <a:ext cx="2448244" cy="1209675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1349437253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E3D7053-8A5C-7147-80A6-36B5F7E8710A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>
                <a:latin typeface="Arial"/>
                <a:cs typeface="Arial"/>
              </a:rPr>
              <a:t>Background</a:t>
            </a:r>
            <a:endParaRPr lang="en-US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85CC8F06-CCC9-7B42-B341-571DCF4151C3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1676619" y="3041650"/>
            <a:ext cx="12163936" cy="9312276"/>
          </a:xfrm>
        </p:spPr>
        <p:txBody>
          <a:bodyPr vert="horz" lIns="91440" tIns="45720" rIns="91440" bIns="45720" rtlCol="0" anchor="t">
            <a:normAutofit/>
          </a:bodyPr>
          <a:lstStyle/>
          <a:p>
            <a:pPr marL="342900" indent="-342900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Font typeface="Arial"/>
              <a:buChar char="•"/>
            </a:pPr>
            <a:r>
              <a:rPr lang="en-US" dirty="0">
                <a:latin typeface="Arial"/>
                <a:cs typeface="Arial"/>
              </a:rPr>
              <a:t>Patellofemoral instability (PFI) has been the subject of significant and increased </a:t>
            </a:r>
            <a:r>
              <a:rPr lang="en-US" b="1" dirty="0">
                <a:latin typeface="Arial"/>
                <a:cs typeface="Arial"/>
              </a:rPr>
              <a:t>clinical and research interest in the adult sports community</a:t>
            </a:r>
            <a:endParaRPr lang="en-US" dirty="0">
              <a:latin typeface="Arial"/>
              <a:cs typeface="Arial"/>
            </a:endParaRPr>
          </a:p>
          <a:p>
            <a:pPr marL="342900" indent="-342900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Font typeface="Arial"/>
              <a:buChar char="•"/>
            </a:pPr>
            <a:endParaRPr lang="en-US" dirty="0"/>
          </a:p>
          <a:p>
            <a:pPr marL="342900" indent="-342900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Font typeface="Arial"/>
              <a:buChar char="•"/>
            </a:pPr>
            <a:r>
              <a:rPr lang="en-US" dirty="0">
                <a:latin typeface="Arial"/>
                <a:cs typeface="Arial"/>
              </a:rPr>
              <a:t>However, it is primarily a pediatric problem, with an </a:t>
            </a:r>
            <a:r>
              <a:rPr lang="en-US" b="1" dirty="0">
                <a:latin typeface="Arial"/>
                <a:cs typeface="Arial"/>
              </a:rPr>
              <a:t>epidemiological peak in adolescence</a:t>
            </a:r>
            <a:endParaRPr lang="en-US" dirty="0">
              <a:latin typeface="Arial"/>
              <a:cs typeface="Arial"/>
            </a:endParaRPr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12409A53-AA9E-AA4F-886B-7947C01A42B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r>
              <a:rPr lang="en-US" dirty="0"/>
              <a:t>2</a:t>
            </a:r>
          </a:p>
        </p:txBody>
      </p:sp>
      <p:pic>
        <p:nvPicPr>
          <p:cNvPr id="6" name="Picture 6" descr="A picture containing text&#10;&#10;Description automatically generated">
            <a:extLst>
              <a:ext uri="{FF2B5EF4-FFF2-40B4-BE49-F238E27FC236}">
                <a16:creationId xmlns:a16="http://schemas.microsoft.com/office/drawing/2014/main" id="{E5E5EF28-2CC3-498D-98F8-5DA369DE2683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21007041" y="927847"/>
            <a:ext cx="1040042" cy="1228164"/>
          </a:xfrm>
          <a:prstGeom prst="rect">
            <a:avLst/>
          </a:prstGeom>
        </p:spPr>
      </p:pic>
      <p:pic>
        <p:nvPicPr>
          <p:cNvPr id="4" name="Picture 6" descr="A picture containing text, clipart&#10;&#10;Description automatically generated">
            <a:extLst>
              <a:ext uri="{FF2B5EF4-FFF2-40B4-BE49-F238E27FC236}">
                <a16:creationId xmlns:a16="http://schemas.microsoft.com/office/drawing/2014/main" id="{7DB68C8A-59D0-4F7A-8107-30928C2C264C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9098524" y="12512449"/>
            <a:ext cx="2448244" cy="1209675"/>
          </a:xfrm>
          <a:prstGeom prst="rect">
            <a:avLst/>
          </a:prstGeom>
        </p:spPr>
      </p:pic>
      <p:pic>
        <p:nvPicPr>
          <p:cNvPr id="7" name="Content Placeholder 5">
            <a:extLst>
              <a:ext uri="{FF2B5EF4-FFF2-40B4-BE49-F238E27FC236}">
                <a16:creationId xmlns:a16="http://schemas.microsoft.com/office/drawing/2014/main" id="{14E152DA-B961-4868-A492-373863934B2A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14632237" y="5859190"/>
            <a:ext cx="8332368" cy="6497407"/>
          </a:xfrm>
          <a:prstGeom prst="rect">
            <a:avLst/>
          </a:prstGeom>
          <a:ln>
            <a:solidFill>
              <a:schemeClr val="tx1"/>
            </a:solidFill>
          </a:ln>
        </p:spPr>
      </p:pic>
      <p:pic>
        <p:nvPicPr>
          <p:cNvPr id="8" name="Picture 7">
            <a:extLst>
              <a:ext uri="{FF2B5EF4-FFF2-40B4-BE49-F238E27FC236}">
                <a16:creationId xmlns:a16="http://schemas.microsoft.com/office/drawing/2014/main" id="{B05CB7A4-3B7B-4E2D-B3F3-DC4021688D9E}"/>
              </a:ext>
            </a:extLst>
          </p:cNvPr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14632237" y="3038249"/>
            <a:ext cx="8332368" cy="2761158"/>
          </a:xfrm>
          <a:prstGeom prst="rect">
            <a:avLst/>
          </a:prstGeom>
          <a:ln>
            <a:solidFill>
              <a:schemeClr val="tx1"/>
            </a:solidFill>
          </a:ln>
        </p:spPr>
      </p:pic>
      <p:sp>
        <p:nvSpPr>
          <p:cNvPr id="9" name="Rectangle 8">
            <a:extLst>
              <a:ext uri="{FF2B5EF4-FFF2-40B4-BE49-F238E27FC236}">
                <a16:creationId xmlns:a16="http://schemas.microsoft.com/office/drawing/2014/main" id="{A828F3DE-F7AA-4EED-BF1A-BD56D1171ADA}"/>
              </a:ext>
            </a:extLst>
          </p:cNvPr>
          <p:cNvSpPr/>
          <p:nvPr/>
        </p:nvSpPr>
        <p:spPr>
          <a:xfrm>
            <a:off x="16777554" y="7287620"/>
            <a:ext cx="913728" cy="3882570"/>
          </a:xfrm>
          <a:prstGeom prst="rect">
            <a:avLst/>
          </a:prstGeom>
          <a:noFill/>
          <a:ln w="28575">
            <a:solidFill>
              <a:srgbClr val="FF0000"/>
            </a:solidFill>
          </a:ln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ctr"/>
            <a:endParaRPr lang="en-US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551128764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E3D7053-8A5C-7147-80A6-36B5F7E8710A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>
                <a:latin typeface="Arial"/>
                <a:cs typeface="Arial"/>
              </a:rPr>
              <a:t>Background</a:t>
            </a:r>
            <a:endParaRPr lang="en-US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85CC8F06-CCC9-7B42-B341-571DCF4151C3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1676619" y="3041650"/>
            <a:ext cx="20342811" cy="9312276"/>
          </a:xfrm>
        </p:spPr>
        <p:txBody>
          <a:bodyPr vert="horz" lIns="91440" tIns="45720" rIns="91440" bIns="45720" rtlCol="0" anchor="t">
            <a:normAutofit/>
          </a:bodyPr>
          <a:lstStyle/>
          <a:p>
            <a:pPr marL="342900" indent="-342900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Font typeface="Arial"/>
              <a:buChar char="•"/>
            </a:pPr>
            <a:r>
              <a:rPr lang="en-US" dirty="0">
                <a:latin typeface="Arial"/>
                <a:cs typeface="Arial"/>
              </a:rPr>
              <a:t>Despite management approaches and surgical techniques for pediatric and adolescent patellofemoral instability (PFI), there remains a </a:t>
            </a:r>
            <a:r>
              <a:rPr lang="en-US" b="1" dirty="0">
                <a:latin typeface="Arial"/>
                <a:cs typeface="Arial"/>
              </a:rPr>
              <a:t>lack of clear clinical guidelines and indications</a:t>
            </a:r>
            <a:endParaRPr lang="en-US" dirty="0"/>
          </a:p>
          <a:p>
            <a:pPr marL="342900" indent="-342900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Font typeface="Arial"/>
              <a:buChar char="•"/>
            </a:pPr>
            <a:endParaRPr lang="en-US" dirty="0">
              <a:latin typeface="Arial"/>
              <a:cs typeface="Arial"/>
            </a:endParaRPr>
          </a:p>
          <a:p>
            <a:pPr marL="342900" indent="-342900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Font typeface="Arial"/>
              <a:buChar char="•"/>
            </a:pPr>
            <a:r>
              <a:rPr lang="en-US" dirty="0">
                <a:latin typeface="Arial"/>
                <a:cs typeface="Arial"/>
              </a:rPr>
              <a:t>While there are many approaches to surgical treatment, medial patellofemoral ligament reconstruction (MFPLR) is among the </a:t>
            </a:r>
            <a:r>
              <a:rPr lang="en-US" b="1" dirty="0">
                <a:latin typeface="Arial"/>
                <a:cs typeface="Arial"/>
              </a:rPr>
              <a:t>most commonly utilized </a:t>
            </a:r>
            <a:r>
              <a:rPr lang="en-US" dirty="0">
                <a:latin typeface="Arial"/>
                <a:cs typeface="Arial"/>
              </a:rPr>
              <a:t>surgical options. </a:t>
            </a:r>
          </a:p>
          <a:p>
            <a:pPr marL="342900" indent="-342900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Font typeface="Arial"/>
              <a:buChar char="•"/>
            </a:pPr>
            <a:endParaRPr lang="en-US" dirty="0">
              <a:latin typeface="Arial"/>
              <a:cs typeface="Arial"/>
            </a:endParaRPr>
          </a:p>
          <a:p>
            <a:pPr marL="342900" indent="-342900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Font typeface="Arial"/>
              <a:buChar char="•"/>
            </a:pPr>
            <a:r>
              <a:rPr lang="en-US" b="1" dirty="0">
                <a:latin typeface="Arial"/>
                <a:cs typeface="Arial"/>
              </a:rPr>
              <a:t>Variation in technique </a:t>
            </a:r>
            <a:r>
              <a:rPr lang="en-US" dirty="0">
                <a:latin typeface="Arial"/>
                <a:cs typeface="Arial"/>
              </a:rPr>
              <a:t>remains significant, particularly in skeletally immature sub-populations, which has adverse implications on </a:t>
            </a:r>
            <a:endParaRPr lang="en-US" dirty="0">
              <a:solidFill>
                <a:srgbClr val="231E1F"/>
              </a:solidFill>
              <a:latin typeface="Arial"/>
              <a:cs typeface="Arial"/>
            </a:endParaRPr>
          </a:p>
          <a:p>
            <a:pPr marL="800100" lvl="1" indent="-342900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Font typeface="Wingdings"/>
              <a:buChar char="§"/>
            </a:pPr>
            <a:r>
              <a:rPr lang="en-US" dirty="0">
                <a:solidFill>
                  <a:schemeClr val="accent6"/>
                </a:solidFill>
                <a:latin typeface="Arial"/>
                <a:cs typeface="Arial"/>
              </a:rPr>
              <a:t>Cost</a:t>
            </a:r>
            <a:endParaRPr lang="en-US" dirty="0">
              <a:solidFill>
                <a:schemeClr val="accent6"/>
              </a:solidFill>
            </a:endParaRPr>
          </a:p>
          <a:p>
            <a:pPr marL="800100" lvl="1" indent="-342900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Font typeface="Wingdings"/>
              <a:buChar char="§"/>
            </a:pPr>
            <a:r>
              <a:rPr lang="en-US" dirty="0">
                <a:solidFill>
                  <a:schemeClr val="accent6"/>
                </a:solidFill>
                <a:latin typeface="Arial"/>
                <a:cs typeface="Arial"/>
              </a:rPr>
              <a:t>Quality/effectiveness</a:t>
            </a:r>
            <a:endParaRPr lang="en-US" dirty="0">
              <a:solidFill>
                <a:schemeClr val="accent6"/>
              </a:solidFill>
            </a:endParaRPr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12409A53-AA9E-AA4F-886B-7947C01A42B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r>
              <a:rPr lang="en-US" dirty="0"/>
              <a:t>3</a:t>
            </a:r>
          </a:p>
        </p:txBody>
      </p:sp>
      <p:pic>
        <p:nvPicPr>
          <p:cNvPr id="6" name="Picture 6" descr="A picture containing text&#10;&#10;Description automatically generated">
            <a:extLst>
              <a:ext uri="{FF2B5EF4-FFF2-40B4-BE49-F238E27FC236}">
                <a16:creationId xmlns:a16="http://schemas.microsoft.com/office/drawing/2014/main" id="{E5E5EF28-2CC3-498D-98F8-5DA369DE2683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21007041" y="927847"/>
            <a:ext cx="1040042" cy="1228164"/>
          </a:xfrm>
          <a:prstGeom prst="rect">
            <a:avLst/>
          </a:prstGeom>
        </p:spPr>
      </p:pic>
      <p:pic>
        <p:nvPicPr>
          <p:cNvPr id="7" name="Picture 6" descr="A picture containing text, clipart&#10;&#10;Description automatically generated">
            <a:extLst>
              <a:ext uri="{FF2B5EF4-FFF2-40B4-BE49-F238E27FC236}">
                <a16:creationId xmlns:a16="http://schemas.microsoft.com/office/drawing/2014/main" id="{EC319F45-B089-485D-BC2E-013235BB4878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9098524" y="12512449"/>
            <a:ext cx="2448244" cy="1209675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130553064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E3D7053-8A5C-7147-80A6-36B5F7E8710A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>
                <a:latin typeface="Arial"/>
                <a:cs typeface="Arial"/>
              </a:rPr>
              <a:t>Purpose &amp; Methods</a:t>
            </a:r>
            <a:endParaRPr lang="en-US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85CC8F06-CCC9-7B42-B341-571DCF4151C3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1676619" y="3041650"/>
            <a:ext cx="13103431" cy="9545357"/>
          </a:xfrm>
        </p:spPr>
        <p:txBody>
          <a:bodyPr vert="horz" lIns="91440" tIns="45720" rIns="91440" bIns="45720" rtlCol="0" anchor="t">
            <a:normAutofit/>
          </a:bodyPr>
          <a:lstStyle/>
          <a:p>
            <a:pPr marL="571500" indent="-571500">
              <a:lnSpc>
                <a:spcPct val="95000"/>
              </a:lnSpc>
              <a:spcBef>
                <a:spcPts val="500"/>
              </a:spcBef>
              <a:spcAft>
                <a:spcPts val="0"/>
              </a:spcAft>
              <a:buFont typeface="Arial"/>
              <a:buChar char="•"/>
            </a:pPr>
            <a:endParaRPr lang="en-US" dirty="0">
              <a:latin typeface="Arial"/>
              <a:cs typeface="Arial"/>
            </a:endParaRPr>
          </a:p>
          <a:p>
            <a:pPr marL="304165" indent="-304165">
              <a:lnSpc>
                <a:spcPct val="95000"/>
              </a:lnSpc>
              <a:spcBef>
                <a:spcPts val="500"/>
              </a:spcBef>
              <a:spcAft>
                <a:spcPts val="0"/>
              </a:spcAft>
              <a:buFont typeface="Arial"/>
              <a:buChar char="•"/>
            </a:pPr>
            <a:endParaRPr lang="en-US" dirty="0"/>
          </a:p>
          <a:p>
            <a:pPr marL="304165" indent="-304165">
              <a:lnSpc>
                <a:spcPct val="95000"/>
              </a:lnSpc>
              <a:spcBef>
                <a:spcPts val="500"/>
              </a:spcBef>
              <a:spcAft>
                <a:spcPts val="0"/>
              </a:spcAft>
              <a:buFont typeface="Arial"/>
              <a:buChar char="•"/>
            </a:pPr>
            <a:endParaRPr lang="en-US" dirty="0"/>
          </a:p>
          <a:p>
            <a:pPr marL="571500" indent="-571500">
              <a:lnSpc>
                <a:spcPct val="95000"/>
              </a:lnSpc>
              <a:spcBef>
                <a:spcPts val="500"/>
              </a:spcBef>
              <a:spcAft>
                <a:spcPts val="0"/>
              </a:spcAft>
              <a:buFont typeface="Arial"/>
              <a:buChar char="•"/>
            </a:pPr>
            <a:endParaRPr lang="uz-Cyrl-UZ" dirty="0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12409A53-AA9E-AA4F-886B-7947C01A42B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r>
              <a:rPr lang="en-US" dirty="0"/>
              <a:t>4</a:t>
            </a:r>
          </a:p>
        </p:txBody>
      </p:sp>
      <p:pic>
        <p:nvPicPr>
          <p:cNvPr id="6" name="Picture 6" descr="A picture containing text&#10;&#10;Description automatically generated">
            <a:extLst>
              <a:ext uri="{FF2B5EF4-FFF2-40B4-BE49-F238E27FC236}">
                <a16:creationId xmlns:a16="http://schemas.microsoft.com/office/drawing/2014/main" id="{E5E5EF28-2CC3-498D-98F8-5DA369DE2683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21007041" y="927847"/>
            <a:ext cx="1040042" cy="1228164"/>
          </a:xfrm>
          <a:prstGeom prst="rect">
            <a:avLst/>
          </a:prstGeom>
        </p:spPr>
      </p:pic>
      <p:pic>
        <p:nvPicPr>
          <p:cNvPr id="4" name="Picture 6" descr="A picture containing text, clipart&#10;&#10;Description automatically generated">
            <a:extLst>
              <a:ext uri="{FF2B5EF4-FFF2-40B4-BE49-F238E27FC236}">
                <a16:creationId xmlns:a16="http://schemas.microsoft.com/office/drawing/2014/main" id="{9864A418-68BF-4D3D-9524-794F1FAA7D68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9098524" y="12512449"/>
            <a:ext cx="2448244" cy="1209675"/>
          </a:xfrm>
          <a:prstGeom prst="rect">
            <a:avLst/>
          </a:prstGeom>
        </p:spPr>
      </p:pic>
      <p:sp>
        <p:nvSpPr>
          <p:cNvPr id="9" name="Content Placeholder 2">
            <a:extLst>
              <a:ext uri="{FF2B5EF4-FFF2-40B4-BE49-F238E27FC236}">
                <a16:creationId xmlns:a16="http://schemas.microsoft.com/office/drawing/2014/main" id="{2A149026-569C-4F4F-B9A1-1B50E82E083A}"/>
              </a:ext>
            </a:extLst>
          </p:cNvPr>
          <p:cNvSpPr txBox="1">
            <a:spLocks/>
          </p:cNvSpPr>
          <p:nvPr/>
        </p:nvSpPr>
        <p:spPr>
          <a:xfrm>
            <a:off x="1285799" y="3431023"/>
            <a:ext cx="20760152" cy="9294134"/>
          </a:xfrm>
          <a:prstGeom prst="rect">
            <a:avLst/>
          </a:prstGeom>
        </p:spPr>
        <p:txBody>
          <a:bodyPr vert="horz" lIns="91440" tIns="45720" rIns="91440" bIns="45720" rtlCol="0" anchor="t">
            <a:normAutofit/>
          </a:bodyPr>
          <a:lstStyle>
            <a:lvl1pPr marL="0" indent="0" algn="l" defTabSz="1828800" rtl="0" eaLnBrk="1" latinLnBrk="0" hangingPunct="1">
              <a:lnSpc>
                <a:spcPct val="100000"/>
              </a:lnSpc>
              <a:spcBef>
                <a:spcPts val="1400"/>
              </a:spcBef>
              <a:spcAft>
                <a:spcPts val="1200"/>
              </a:spcAft>
              <a:buFontTx/>
              <a:buNone/>
              <a:defRPr sz="4000" kern="1200">
                <a:solidFill>
                  <a:schemeClr val="tx2"/>
                </a:solidFill>
                <a:latin typeface="Arial" panose="020B0604020202020204" pitchFamily="34" charset="0"/>
                <a:ea typeface="+mn-ea"/>
                <a:cs typeface="Arial" panose="020B0604020202020204" pitchFamily="34" charset="0"/>
              </a:defRPr>
            </a:lvl1pPr>
            <a:lvl2pPr marL="914400" indent="-457200" algn="l" defTabSz="1828800" rtl="0" eaLnBrk="1" latinLnBrk="0" hangingPunct="1">
              <a:lnSpc>
                <a:spcPts val="4400"/>
              </a:lnSpc>
              <a:spcBef>
                <a:spcPts val="1200"/>
              </a:spcBef>
              <a:spcAft>
                <a:spcPts val="900"/>
              </a:spcAft>
              <a:buClr>
                <a:schemeClr val="tx1"/>
              </a:buClr>
              <a:buSzPct val="120000"/>
              <a:buFont typeface="Wingdings" pitchFamily="2" charset="2"/>
              <a:buChar char="§"/>
              <a:defRPr sz="3400" kern="1200">
                <a:solidFill>
                  <a:schemeClr val="tx2"/>
                </a:solidFill>
                <a:latin typeface="Arial" panose="020B0604020202020204" pitchFamily="34" charset="0"/>
                <a:ea typeface="+mn-ea"/>
                <a:cs typeface="Arial" panose="020B0604020202020204" pitchFamily="34" charset="0"/>
              </a:defRPr>
            </a:lvl2pPr>
            <a:lvl3pPr marL="1325880" indent="-457200" algn="l" defTabSz="1828800" rtl="0" eaLnBrk="1" latinLnBrk="0" hangingPunct="1">
              <a:lnSpc>
                <a:spcPts val="3800"/>
              </a:lnSpc>
              <a:spcBef>
                <a:spcPts val="1000"/>
              </a:spcBef>
              <a:spcAft>
                <a:spcPts val="600"/>
              </a:spcAft>
              <a:buClr>
                <a:schemeClr val="tx1"/>
              </a:buClr>
              <a:buSzPct val="120000"/>
              <a:buFont typeface="Wingdings" pitchFamily="2" charset="2"/>
              <a:buChar char="§"/>
              <a:defRPr sz="2800" kern="1200">
                <a:solidFill>
                  <a:schemeClr val="tx2"/>
                </a:solidFill>
                <a:latin typeface="Arial" panose="020B0604020202020204" pitchFamily="34" charset="0"/>
                <a:ea typeface="+mn-ea"/>
                <a:cs typeface="Arial" panose="020B0604020202020204" pitchFamily="34" charset="0"/>
              </a:defRPr>
            </a:lvl3pPr>
            <a:lvl4pPr marL="3200400" indent="-457200" algn="l" defTabSz="18288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3600" kern="1200">
                <a:solidFill>
                  <a:schemeClr val="tx2"/>
                </a:solidFill>
                <a:latin typeface="Arial" panose="020B0604020202020204" pitchFamily="34" charset="0"/>
                <a:ea typeface="+mn-ea"/>
                <a:cs typeface="Arial" panose="020B0604020202020204" pitchFamily="34" charset="0"/>
              </a:defRPr>
            </a:lvl4pPr>
            <a:lvl5pPr marL="4114800" indent="-457200" algn="l" defTabSz="18288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3600" kern="1200">
                <a:solidFill>
                  <a:schemeClr val="tx2"/>
                </a:solidFill>
                <a:latin typeface="Arial" panose="020B0604020202020204" pitchFamily="34" charset="0"/>
                <a:ea typeface="+mn-ea"/>
                <a:cs typeface="Arial" panose="020B0604020202020204" pitchFamily="34" charset="0"/>
              </a:defRPr>
            </a:lvl5pPr>
            <a:lvl6pPr marL="5029200" indent="-457200" algn="l" defTabSz="18288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3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5943600" indent="-457200" algn="l" defTabSz="18288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3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6858000" indent="-457200" algn="l" defTabSz="18288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3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7772400" indent="-457200" algn="l" defTabSz="18288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3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571500" indent="-571500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Font typeface="Arial"/>
              <a:buChar char="•"/>
            </a:pPr>
            <a:r>
              <a:rPr lang="en-US" b="1" dirty="0">
                <a:latin typeface="Arial"/>
                <a:cs typeface="Arial"/>
              </a:rPr>
              <a:t>Purpose</a:t>
            </a:r>
            <a:r>
              <a:rPr lang="en-US" dirty="0">
                <a:latin typeface="Arial"/>
                <a:cs typeface="Arial"/>
              </a:rPr>
              <a:t>: Examine the variation in MPFLR technique</a:t>
            </a:r>
          </a:p>
          <a:p>
            <a:pPr lvl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Font typeface="Wingdings"/>
              <a:buChar char="§"/>
            </a:pPr>
            <a:r>
              <a:rPr lang="en-US" dirty="0">
                <a:solidFill>
                  <a:schemeClr val="accent6"/>
                </a:solidFill>
                <a:latin typeface="Arial"/>
                <a:cs typeface="Arial"/>
              </a:rPr>
              <a:t>Patient study cohort: skeletally immature patients</a:t>
            </a:r>
            <a:r>
              <a:rPr lang="en-US" dirty="0">
                <a:solidFill>
                  <a:srgbClr val="0432FF"/>
                </a:solidFill>
                <a:latin typeface="Arial"/>
                <a:cs typeface="Arial"/>
              </a:rPr>
              <a:t> </a:t>
            </a:r>
            <a:endParaRPr lang="en-US" dirty="0">
              <a:solidFill>
                <a:srgbClr val="231E1F"/>
              </a:solidFill>
            </a:endParaRPr>
          </a:p>
          <a:p>
            <a:pPr lvl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Font typeface="Wingdings"/>
              <a:buChar char="§"/>
            </a:pPr>
            <a:r>
              <a:rPr lang="en-US" dirty="0">
                <a:solidFill>
                  <a:schemeClr val="accent6"/>
                </a:solidFill>
                <a:latin typeface="Arial"/>
                <a:cs typeface="Arial"/>
              </a:rPr>
              <a:t>Surgeon study cohort: 20+ orthopedic surgeons</a:t>
            </a:r>
            <a:r>
              <a:rPr lang="en-US" dirty="0">
                <a:solidFill>
                  <a:srgbClr val="0432FF"/>
                </a:solidFill>
                <a:latin typeface="Arial"/>
                <a:cs typeface="Arial"/>
              </a:rPr>
              <a:t> </a:t>
            </a:r>
          </a:p>
          <a:p>
            <a:pPr lvl="2">
              <a:lnSpc>
                <a:spcPct val="90000"/>
              </a:lnSpc>
              <a:spcAft>
                <a:spcPts val="0"/>
              </a:spcAft>
              <a:buFont typeface="Arial"/>
              <a:buChar char="•"/>
            </a:pPr>
            <a:r>
              <a:rPr lang="en-US" dirty="0">
                <a:latin typeface="Arial"/>
                <a:cs typeface="Arial"/>
              </a:rPr>
              <a:t>Different experience levels </a:t>
            </a:r>
          </a:p>
          <a:p>
            <a:pPr lvl="2">
              <a:lnSpc>
                <a:spcPct val="90000"/>
              </a:lnSpc>
              <a:spcAft>
                <a:spcPts val="0"/>
              </a:spcAft>
              <a:buFont typeface="Arial"/>
              <a:buChar char="•"/>
            </a:pPr>
            <a:r>
              <a:rPr lang="en-US" dirty="0">
                <a:latin typeface="Arial"/>
                <a:cs typeface="Arial"/>
              </a:rPr>
              <a:t>Specialty training backgrounds. </a:t>
            </a:r>
            <a:endParaRPr lang="en-US" dirty="0"/>
          </a:p>
          <a:p>
            <a:pPr marL="868680" lvl="2" indent="0">
              <a:lnSpc>
                <a:spcPct val="90000"/>
              </a:lnSpc>
              <a:spcAft>
                <a:spcPts val="0"/>
              </a:spcAft>
              <a:buClr>
                <a:srgbClr val="0074BC"/>
              </a:buClr>
              <a:buNone/>
            </a:pPr>
            <a:endParaRPr lang="en-US" dirty="0">
              <a:latin typeface="Arial"/>
              <a:cs typeface="Arial"/>
            </a:endParaRPr>
          </a:p>
          <a:p>
            <a:pPr marL="571500" indent="-571500">
              <a:lnSpc>
                <a:spcPct val="90000"/>
              </a:lnSpc>
              <a:spcAft>
                <a:spcPts val="0"/>
              </a:spcAft>
              <a:buFont typeface="Arial"/>
              <a:buChar char="•"/>
            </a:pPr>
            <a:r>
              <a:rPr lang="en-US" dirty="0">
                <a:latin typeface="Arial"/>
                <a:cs typeface="Arial"/>
              </a:rPr>
              <a:t>Data from the </a:t>
            </a:r>
            <a:r>
              <a:rPr lang="en-GB" dirty="0">
                <a:latin typeface="Arial"/>
                <a:cs typeface="Arial"/>
              </a:rPr>
              <a:t>JUPITER (Justifying Patellar Instability Treatment by Early Results) </a:t>
            </a:r>
            <a:r>
              <a:rPr lang="en-US" dirty="0">
                <a:latin typeface="Arial"/>
                <a:cs typeface="Arial"/>
              </a:rPr>
              <a:t>cohort retrieved/analyzed</a:t>
            </a:r>
          </a:p>
          <a:p>
            <a:pPr lvl="1">
              <a:lnSpc>
                <a:spcPct val="90000"/>
              </a:lnSpc>
              <a:spcAft>
                <a:spcPts val="0"/>
              </a:spcAft>
              <a:buFont typeface="Arial"/>
              <a:buChar char="•"/>
            </a:pPr>
            <a:r>
              <a:rPr lang="en-US" dirty="0">
                <a:solidFill>
                  <a:schemeClr val="accent6"/>
                </a:solidFill>
                <a:latin typeface="Arial"/>
                <a:cs typeface="Arial"/>
              </a:rPr>
              <a:t>Multi-center (11 centers, 21 surgeons)</a:t>
            </a:r>
          </a:p>
          <a:p>
            <a:pPr lvl="1">
              <a:lnSpc>
                <a:spcPct val="90000"/>
              </a:lnSpc>
              <a:spcAft>
                <a:spcPts val="0"/>
              </a:spcAft>
              <a:buFont typeface="Arial"/>
              <a:buChar char="•"/>
            </a:pPr>
            <a:r>
              <a:rPr lang="en-US" dirty="0">
                <a:solidFill>
                  <a:schemeClr val="accent6"/>
                </a:solidFill>
                <a:latin typeface="Arial"/>
                <a:cs typeface="Arial"/>
              </a:rPr>
              <a:t>Multi-armed (op/non-op)</a:t>
            </a:r>
          </a:p>
          <a:p>
            <a:pPr lvl="1">
              <a:lnSpc>
                <a:spcPct val="90000"/>
              </a:lnSpc>
              <a:spcAft>
                <a:spcPts val="0"/>
              </a:spcAft>
              <a:buFont typeface="Arial"/>
              <a:buChar char="•"/>
            </a:pPr>
            <a:r>
              <a:rPr lang="en-US" dirty="0">
                <a:solidFill>
                  <a:schemeClr val="accent6"/>
                </a:solidFill>
                <a:latin typeface="Arial"/>
                <a:cs typeface="Arial"/>
              </a:rPr>
              <a:t>N = 2000+ pts (~75% operative, ~25% non-operative)</a:t>
            </a:r>
            <a:endParaRPr lang="en-US" dirty="0">
              <a:solidFill>
                <a:schemeClr val="accent6"/>
              </a:solidFill>
            </a:endParaRPr>
          </a:p>
          <a:p>
            <a:pPr marL="571500" indent="-571500">
              <a:spcBef>
                <a:spcPct val="0"/>
              </a:spcBef>
              <a:spcAft>
                <a:spcPct val="0"/>
              </a:spcAft>
              <a:buFont typeface="Arial"/>
              <a:buChar char="•"/>
            </a:pPr>
            <a:endParaRPr lang="en-US" dirty="0">
              <a:solidFill>
                <a:schemeClr val="accent6"/>
              </a:solidFill>
              <a:latin typeface="Arial"/>
              <a:cs typeface="Arial"/>
            </a:endParaRPr>
          </a:p>
          <a:p>
            <a:pPr marL="571500" indent="-571500">
              <a:spcBef>
                <a:spcPct val="0"/>
              </a:spcBef>
              <a:spcAft>
                <a:spcPct val="0"/>
              </a:spcAft>
              <a:buFont typeface="Arial"/>
              <a:buChar char="•"/>
            </a:pPr>
            <a:endParaRPr lang="en-US" dirty="0">
              <a:solidFill>
                <a:schemeClr val="accent6"/>
              </a:solidFill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847953062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E3D7053-8A5C-7147-80A6-36B5F7E8710A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>
                <a:latin typeface="Arial"/>
                <a:cs typeface="Arial"/>
              </a:rPr>
              <a:t>Purpose &amp; Methods</a:t>
            </a:r>
            <a:endParaRPr lang="en-US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85CC8F06-CCC9-7B42-B341-571DCF4151C3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1676619" y="3041650"/>
            <a:ext cx="13103431" cy="9545357"/>
          </a:xfrm>
        </p:spPr>
        <p:txBody>
          <a:bodyPr vert="horz" lIns="91440" tIns="45720" rIns="91440" bIns="45720" rtlCol="0" anchor="t">
            <a:normAutofit/>
          </a:bodyPr>
          <a:lstStyle/>
          <a:p>
            <a:pPr marL="571500" indent="-571500">
              <a:lnSpc>
                <a:spcPct val="95000"/>
              </a:lnSpc>
              <a:spcBef>
                <a:spcPts val="500"/>
              </a:spcBef>
              <a:spcAft>
                <a:spcPts val="0"/>
              </a:spcAft>
              <a:buFont typeface="Arial"/>
              <a:buChar char="•"/>
            </a:pPr>
            <a:endParaRPr lang="en-US" dirty="0">
              <a:latin typeface="Arial"/>
              <a:cs typeface="Arial"/>
            </a:endParaRPr>
          </a:p>
          <a:p>
            <a:pPr marL="304165" indent="-304165">
              <a:lnSpc>
                <a:spcPct val="95000"/>
              </a:lnSpc>
              <a:spcBef>
                <a:spcPts val="500"/>
              </a:spcBef>
              <a:spcAft>
                <a:spcPts val="0"/>
              </a:spcAft>
              <a:buFont typeface="Arial"/>
              <a:buChar char="•"/>
            </a:pPr>
            <a:endParaRPr lang="en-US" dirty="0"/>
          </a:p>
          <a:p>
            <a:pPr marL="304165" indent="-304165">
              <a:lnSpc>
                <a:spcPct val="95000"/>
              </a:lnSpc>
              <a:spcBef>
                <a:spcPts val="500"/>
              </a:spcBef>
              <a:spcAft>
                <a:spcPts val="0"/>
              </a:spcAft>
              <a:buFont typeface="Arial"/>
              <a:buChar char="•"/>
            </a:pPr>
            <a:endParaRPr lang="en-US" dirty="0"/>
          </a:p>
          <a:p>
            <a:pPr marL="571500" indent="-571500">
              <a:lnSpc>
                <a:spcPct val="95000"/>
              </a:lnSpc>
              <a:spcBef>
                <a:spcPts val="500"/>
              </a:spcBef>
              <a:spcAft>
                <a:spcPts val="0"/>
              </a:spcAft>
              <a:buFont typeface="Arial"/>
              <a:buChar char="•"/>
            </a:pPr>
            <a:endParaRPr lang="uz-Cyrl-UZ" dirty="0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12409A53-AA9E-AA4F-886B-7947C01A42B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r>
              <a:rPr lang="en-US" dirty="0">
                <a:latin typeface="Arial"/>
                <a:cs typeface="Arial"/>
              </a:rPr>
              <a:t>5</a:t>
            </a:r>
            <a:endParaRPr lang="en-US" dirty="0"/>
          </a:p>
        </p:txBody>
      </p:sp>
      <p:pic>
        <p:nvPicPr>
          <p:cNvPr id="6" name="Picture 6" descr="A picture containing text&#10;&#10;Description automatically generated">
            <a:extLst>
              <a:ext uri="{FF2B5EF4-FFF2-40B4-BE49-F238E27FC236}">
                <a16:creationId xmlns:a16="http://schemas.microsoft.com/office/drawing/2014/main" id="{E5E5EF28-2CC3-498D-98F8-5DA369DE2683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21007041" y="927847"/>
            <a:ext cx="1040042" cy="1228164"/>
          </a:xfrm>
          <a:prstGeom prst="rect">
            <a:avLst/>
          </a:prstGeom>
        </p:spPr>
      </p:pic>
      <p:pic>
        <p:nvPicPr>
          <p:cNvPr id="4" name="Picture 6" descr="A picture containing text, clipart&#10;&#10;Description automatically generated">
            <a:extLst>
              <a:ext uri="{FF2B5EF4-FFF2-40B4-BE49-F238E27FC236}">
                <a16:creationId xmlns:a16="http://schemas.microsoft.com/office/drawing/2014/main" id="{9864A418-68BF-4D3D-9524-794F1FAA7D68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9098524" y="12512449"/>
            <a:ext cx="2448244" cy="1209675"/>
          </a:xfrm>
          <a:prstGeom prst="rect">
            <a:avLst/>
          </a:prstGeom>
        </p:spPr>
      </p:pic>
      <p:sp>
        <p:nvSpPr>
          <p:cNvPr id="8" name="Content Placeholder 2">
            <a:extLst>
              <a:ext uri="{FF2B5EF4-FFF2-40B4-BE49-F238E27FC236}">
                <a16:creationId xmlns:a16="http://schemas.microsoft.com/office/drawing/2014/main" id="{546A4980-2342-48DE-9F01-FFA4D519C90B}"/>
              </a:ext>
            </a:extLst>
          </p:cNvPr>
          <p:cNvSpPr txBox="1">
            <a:spLocks/>
          </p:cNvSpPr>
          <p:nvPr/>
        </p:nvSpPr>
        <p:spPr>
          <a:xfrm>
            <a:off x="1285799" y="3431023"/>
            <a:ext cx="15516184" cy="9294134"/>
          </a:xfrm>
          <a:prstGeom prst="rect">
            <a:avLst/>
          </a:prstGeom>
        </p:spPr>
        <p:txBody>
          <a:bodyPr vert="horz" lIns="91440" tIns="45720" rIns="91440" bIns="45720" rtlCol="0" anchor="t">
            <a:normAutofit/>
          </a:bodyPr>
          <a:lstStyle>
            <a:lvl1pPr marL="0" indent="0" algn="l" defTabSz="1828800" rtl="0" eaLnBrk="1" latinLnBrk="0" hangingPunct="1">
              <a:lnSpc>
                <a:spcPct val="100000"/>
              </a:lnSpc>
              <a:spcBef>
                <a:spcPts val="1400"/>
              </a:spcBef>
              <a:spcAft>
                <a:spcPts val="1200"/>
              </a:spcAft>
              <a:buFontTx/>
              <a:buNone/>
              <a:defRPr sz="4000" kern="1200">
                <a:solidFill>
                  <a:schemeClr val="tx2"/>
                </a:solidFill>
                <a:latin typeface="Arial" panose="020B0604020202020204" pitchFamily="34" charset="0"/>
                <a:ea typeface="+mn-ea"/>
                <a:cs typeface="Arial" panose="020B0604020202020204" pitchFamily="34" charset="0"/>
              </a:defRPr>
            </a:lvl1pPr>
            <a:lvl2pPr marL="914400" indent="-457200" algn="l" defTabSz="1828800" rtl="0" eaLnBrk="1" latinLnBrk="0" hangingPunct="1">
              <a:lnSpc>
                <a:spcPts val="4400"/>
              </a:lnSpc>
              <a:spcBef>
                <a:spcPts val="1200"/>
              </a:spcBef>
              <a:spcAft>
                <a:spcPts val="900"/>
              </a:spcAft>
              <a:buClr>
                <a:schemeClr val="tx1"/>
              </a:buClr>
              <a:buSzPct val="120000"/>
              <a:buFont typeface="Wingdings" pitchFamily="2" charset="2"/>
              <a:buChar char="§"/>
              <a:defRPr sz="3400" kern="1200">
                <a:solidFill>
                  <a:schemeClr val="tx2"/>
                </a:solidFill>
                <a:latin typeface="Arial" panose="020B0604020202020204" pitchFamily="34" charset="0"/>
                <a:ea typeface="+mn-ea"/>
                <a:cs typeface="Arial" panose="020B0604020202020204" pitchFamily="34" charset="0"/>
              </a:defRPr>
            </a:lvl2pPr>
            <a:lvl3pPr marL="1325880" indent="-457200" algn="l" defTabSz="1828800" rtl="0" eaLnBrk="1" latinLnBrk="0" hangingPunct="1">
              <a:lnSpc>
                <a:spcPts val="3800"/>
              </a:lnSpc>
              <a:spcBef>
                <a:spcPts val="1000"/>
              </a:spcBef>
              <a:spcAft>
                <a:spcPts val="600"/>
              </a:spcAft>
              <a:buClr>
                <a:schemeClr val="tx1"/>
              </a:buClr>
              <a:buSzPct val="120000"/>
              <a:buFont typeface="Wingdings" pitchFamily="2" charset="2"/>
              <a:buChar char="§"/>
              <a:defRPr sz="2800" kern="1200">
                <a:solidFill>
                  <a:schemeClr val="tx2"/>
                </a:solidFill>
                <a:latin typeface="Arial" panose="020B0604020202020204" pitchFamily="34" charset="0"/>
                <a:ea typeface="+mn-ea"/>
                <a:cs typeface="Arial" panose="020B0604020202020204" pitchFamily="34" charset="0"/>
              </a:defRPr>
            </a:lvl3pPr>
            <a:lvl4pPr marL="3200400" indent="-457200" algn="l" defTabSz="18288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3600" kern="1200">
                <a:solidFill>
                  <a:schemeClr val="tx2"/>
                </a:solidFill>
                <a:latin typeface="Arial" panose="020B0604020202020204" pitchFamily="34" charset="0"/>
                <a:ea typeface="+mn-ea"/>
                <a:cs typeface="Arial" panose="020B0604020202020204" pitchFamily="34" charset="0"/>
              </a:defRPr>
            </a:lvl4pPr>
            <a:lvl5pPr marL="4114800" indent="-457200" algn="l" defTabSz="18288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3600" kern="1200">
                <a:solidFill>
                  <a:schemeClr val="tx2"/>
                </a:solidFill>
                <a:latin typeface="Arial" panose="020B0604020202020204" pitchFamily="34" charset="0"/>
                <a:ea typeface="+mn-ea"/>
                <a:cs typeface="Arial" panose="020B0604020202020204" pitchFamily="34" charset="0"/>
              </a:defRPr>
            </a:lvl5pPr>
            <a:lvl6pPr marL="5029200" indent="-457200" algn="l" defTabSz="18288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3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5943600" indent="-457200" algn="l" defTabSz="18288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3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6858000" indent="-457200" algn="l" defTabSz="18288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3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7772400" indent="-457200" algn="l" defTabSz="18288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3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571500" indent="-571500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Font typeface="Arial"/>
              <a:buChar char="•"/>
            </a:pPr>
            <a:r>
              <a:rPr lang="en-US" dirty="0">
                <a:latin typeface="Arial"/>
                <a:cs typeface="Arial"/>
              </a:rPr>
              <a:t>All operative records of skeletally immature patients from 2016 to 2021 were retrieved from the JUPITER cohort</a:t>
            </a:r>
            <a:endParaRPr lang="en-US" dirty="0"/>
          </a:p>
          <a:p>
            <a:pPr marL="800100" lvl="1" indent="-342900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Font typeface="Wingdings"/>
              <a:buChar char="§"/>
            </a:pPr>
            <a:r>
              <a:rPr lang="en-US" dirty="0">
                <a:latin typeface="Arial"/>
                <a:cs typeface="Arial"/>
              </a:rPr>
              <a:t>Inclusion/exclusion criteria:</a:t>
            </a:r>
            <a:endParaRPr lang="en-US" dirty="0">
              <a:solidFill>
                <a:schemeClr val="accent6"/>
              </a:solidFill>
            </a:endParaRPr>
          </a:p>
          <a:p>
            <a:pPr lvl="2">
              <a:lnSpc>
                <a:spcPct val="90000"/>
              </a:lnSpc>
              <a:spcAft>
                <a:spcPts val="0"/>
              </a:spcAft>
              <a:buFont typeface="Arial"/>
              <a:buChar char="•"/>
            </a:pPr>
            <a:r>
              <a:rPr lang="en-US" dirty="0">
                <a:solidFill>
                  <a:schemeClr val="accent6"/>
                </a:solidFill>
                <a:latin typeface="Arial"/>
                <a:cs typeface="Arial"/>
              </a:rPr>
              <a:t>Primary surgery (no revisions)</a:t>
            </a:r>
            <a:endParaRPr lang="en-US" dirty="0">
              <a:solidFill>
                <a:schemeClr val="accent6"/>
              </a:solidFill>
            </a:endParaRPr>
          </a:p>
          <a:p>
            <a:pPr lvl="2">
              <a:lnSpc>
                <a:spcPct val="90000"/>
              </a:lnSpc>
              <a:spcAft>
                <a:spcPts val="0"/>
              </a:spcAft>
              <a:buFont typeface="Arial"/>
              <a:buChar char="•"/>
            </a:pPr>
            <a:r>
              <a:rPr lang="en-US" dirty="0">
                <a:solidFill>
                  <a:schemeClr val="accent6"/>
                </a:solidFill>
                <a:latin typeface="Arial"/>
                <a:cs typeface="Arial"/>
              </a:rPr>
              <a:t>Single-stage MPFLR (no staged procedures)</a:t>
            </a:r>
            <a:endParaRPr lang="en-US" dirty="0">
              <a:solidFill>
                <a:schemeClr val="accent6"/>
              </a:solidFill>
            </a:endParaRPr>
          </a:p>
          <a:p>
            <a:pPr lvl="2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Font typeface="Arial"/>
              <a:buChar char="•"/>
            </a:pPr>
            <a:r>
              <a:rPr lang="en-US" dirty="0">
                <a:solidFill>
                  <a:schemeClr val="accent6"/>
                </a:solidFill>
                <a:latin typeface="Arial"/>
                <a:cs typeface="Arial"/>
              </a:rPr>
              <a:t>Isolated MPFLR (no TTOs, other osteotomies)</a:t>
            </a:r>
            <a:endParaRPr lang="en-US" dirty="0">
              <a:solidFill>
                <a:schemeClr val="accent6"/>
              </a:solidFill>
            </a:endParaRPr>
          </a:p>
          <a:p>
            <a:pPr marL="800100" lvl="1" indent="-34290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rgbClr val="0074BC"/>
              </a:buClr>
              <a:buFont typeface="Wingdings"/>
              <a:buChar char="§"/>
            </a:pPr>
            <a:endParaRPr lang="en-US" dirty="0">
              <a:solidFill>
                <a:schemeClr val="accent6"/>
              </a:solidFill>
            </a:endParaRPr>
          </a:p>
          <a:p>
            <a:pPr marL="571500" indent="-571500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Font typeface="Arial"/>
              <a:buChar char="•"/>
            </a:pPr>
            <a:r>
              <a:rPr lang="en-US" dirty="0">
                <a:solidFill>
                  <a:schemeClr val="accent6"/>
                </a:solidFill>
                <a:latin typeface="Arial"/>
                <a:cs typeface="Arial"/>
              </a:rPr>
              <a:t>Final study cohort: </a:t>
            </a:r>
            <a:r>
              <a:rPr lang="en-US" b="1" dirty="0">
                <a:solidFill>
                  <a:schemeClr val="accent6"/>
                </a:solidFill>
                <a:latin typeface="Arial"/>
                <a:cs typeface="Arial"/>
              </a:rPr>
              <a:t>205 knees</a:t>
            </a:r>
          </a:p>
        </p:txBody>
      </p:sp>
      <p:pic>
        <p:nvPicPr>
          <p:cNvPr id="11" name="Picture 11" descr="A picture containing sky&#10;&#10;Description automatically generated">
            <a:extLst>
              <a:ext uri="{FF2B5EF4-FFF2-40B4-BE49-F238E27FC236}">
                <a16:creationId xmlns:a16="http://schemas.microsoft.com/office/drawing/2014/main" id="{C4EA3C11-E75B-4F96-BD80-DDDA5E8756A2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17299652" y="3820349"/>
            <a:ext cx="6173003" cy="7744442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632903946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E3D7053-8A5C-7147-80A6-36B5F7E8710A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>
                <a:latin typeface="Arial"/>
                <a:cs typeface="Arial"/>
              </a:rPr>
              <a:t>Results</a:t>
            </a:r>
            <a:endParaRPr lang="en-US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85CC8F06-CCC9-7B42-B341-571DCF4151C3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1676619" y="3027796"/>
            <a:ext cx="11192904" cy="9559211"/>
          </a:xfrm>
        </p:spPr>
        <p:txBody>
          <a:bodyPr vert="horz" lIns="91440" tIns="45720" rIns="91440" bIns="45720" rtlCol="0" anchor="t">
            <a:normAutofit/>
          </a:bodyPr>
          <a:lstStyle/>
          <a:p>
            <a:pPr marL="571500" indent="-571500">
              <a:spcBef>
                <a:spcPct val="0"/>
              </a:spcBef>
              <a:spcAft>
                <a:spcPct val="0"/>
              </a:spcAft>
              <a:buFont typeface="Arial"/>
              <a:buChar char="•"/>
            </a:pPr>
            <a:r>
              <a:rPr lang="en-US" dirty="0">
                <a:solidFill>
                  <a:schemeClr val="accent6"/>
                </a:solidFill>
                <a:latin typeface="Arial"/>
                <a:cs typeface="Arial"/>
              </a:rPr>
              <a:t>Of the 306 skeletally immature knees, 205 (53% female, 47% male) met inclusion criteria and comprised the final cohort</a:t>
            </a:r>
            <a:endParaRPr lang="en-US" dirty="0">
              <a:solidFill>
                <a:schemeClr val="accent6"/>
              </a:solidFill>
            </a:endParaRPr>
          </a:p>
          <a:p>
            <a:pPr marL="571500" indent="-571500">
              <a:spcBef>
                <a:spcPct val="0"/>
              </a:spcBef>
              <a:spcAft>
                <a:spcPct val="0"/>
              </a:spcAft>
              <a:buFont typeface="Arial"/>
              <a:buChar char="•"/>
            </a:pPr>
            <a:endParaRPr lang="en-US" dirty="0">
              <a:solidFill>
                <a:schemeClr val="accent6"/>
              </a:solidFill>
              <a:latin typeface="Arial"/>
              <a:cs typeface="Arial"/>
            </a:endParaRPr>
          </a:p>
          <a:p>
            <a:pPr marL="571500" indent="-571500">
              <a:spcBef>
                <a:spcPct val="0"/>
              </a:spcBef>
              <a:spcAft>
                <a:spcPct val="0"/>
              </a:spcAft>
              <a:buFont typeface="Arial"/>
              <a:buChar char="•"/>
            </a:pPr>
            <a:r>
              <a:rPr lang="en-US" dirty="0">
                <a:solidFill>
                  <a:schemeClr val="accent6"/>
                </a:solidFill>
                <a:latin typeface="Arial"/>
                <a:cs typeface="Arial"/>
              </a:rPr>
              <a:t>Average age =13.6 ± 1.8 years (5.1-19.0)</a:t>
            </a:r>
            <a:endParaRPr lang="en-US">
              <a:solidFill>
                <a:schemeClr val="accent6"/>
              </a:solidFill>
            </a:endParaRPr>
          </a:p>
          <a:p>
            <a:pPr>
              <a:spcBef>
                <a:spcPct val="0"/>
              </a:spcBef>
              <a:spcAft>
                <a:spcPct val="0"/>
              </a:spcAft>
            </a:pPr>
            <a:endParaRPr lang="en-US" dirty="0">
              <a:solidFill>
                <a:schemeClr val="accent6"/>
              </a:solidFill>
              <a:latin typeface="Arial"/>
              <a:cs typeface="Arial"/>
            </a:endParaRPr>
          </a:p>
          <a:p>
            <a:pPr marL="571500" indent="-571500">
              <a:spcBef>
                <a:spcPct val="0"/>
              </a:spcBef>
              <a:spcAft>
                <a:spcPct val="0"/>
              </a:spcAft>
              <a:buFont typeface="Arial"/>
              <a:buChar char="•"/>
            </a:pPr>
            <a:r>
              <a:rPr lang="en-US" dirty="0">
                <a:solidFill>
                  <a:schemeClr val="accent6"/>
                </a:solidFill>
                <a:latin typeface="Arial"/>
                <a:cs typeface="Arial"/>
              </a:rPr>
              <a:t>Initial injury mechanism was of a non-contact nature in 73% and a result of contact in 17%</a:t>
            </a:r>
            <a:endParaRPr lang="en-US">
              <a:solidFill>
                <a:schemeClr val="accent6"/>
              </a:solidFill>
            </a:endParaRPr>
          </a:p>
          <a:p>
            <a:pPr marL="285750" indent="-285750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Font typeface="Arial,Sans-Serif"/>
              <a:buChar char="•"/>
            </a:pPr>
            <a:endParaRPr lang="en-US" dirty="0"/>
          </a:p>
          <a:p>
            <a:pPr marL="571500" indent="-571500">
              <a:lnSpc>
                <a:spcPct val="95000"/>
              </a:lnSpc>
              <a:spcBef>
                <a:spcPts val="500"/>
              </a:spcBef>
              <a:spcAft>
                <a:spcPts val="0"/>
              </a:spcAft>
              <a:buFont typeface="Arial"/>
              <a:buChar char="•"/>
            </a:pPr>
            <a:endParaRPr lang="uz-Cyrl-UZ" dirty="0"/>
          </a:p>
          <a:p>
            <a:pPr marL="304165" indent="-304165">
              <a:lnSpc>
                <a:spcPct val="95000"/>
              </a:lnSpc>
              <a:spcBef>
                <a:spcPts val="500"/>
              </a:spcBef>
              <a:spcAft>
                <a:spcPts val="0"/>
              </a:spcAft>
              <a:buFont typeface="Arial"/>
              <a:buChar char="•"/>
            </a:pPr>
            <a:endParaRPr lang="uz-Cyrl-UZ" dirty="0">
              <a:latin typeface="Arial"/>
              <a:cs typeface="Arial"/>
            </a:endParaRPr>
          </a:p>
          <a:p>
            <a:pPr marL="304165" indent="-304165">
              <a:lnSpc>
                <a:spcPct val="95000"/>
              </a:lnSpc>
              <a:spcBef>
                <a:spcPts val="500"/>
              </a:spcBef>
              <a:spcAft>
                <a:spcPts val="0"/>
              </a:spcAft>
              <a:buFont typeface="Arial"/>
              <a:buChar char="•"/>
            </a:pPr>
            <a:endParaRPr lang="en-US" dirty="0">
              <a:latin typeface="Arial"/>
              <a:cs typeface="Arial"/>
            </a:endParaRPr>
          </a:p>
          <a:p>
            <a:pPr>
              <a:lnSpc>
                <a:spcPct val="95000"/>
              </a:lnSpc>
              <a:spcBef>
                <a:spcPts val="500"/>
              </a:spcBef>
              <a:spcAft>
                <a:spcPts val="0"/>
              </a:spcAft>
            </a:pPr>
            <a:endParaRPr lang="uz-Cyrl-UZ" dirty="0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12409A53-AA9E-AA4F-886B-7947C01A42B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r>
              <a:rPr lang="en-US" dirty="0">
                <a:latin typeface="Arial"/>
                <a:cs typeface="Arial"/>
              </a:rPr>
              <a:t>6</a:t>
            </a:r>
            <a:endParaRPr lang="en-US" dirty="0"/>
          </a:p>
        </p:txBody>
      </p:sp>
      <p:pic>
        <p:nvPicPr>
          <p:cNvPr id="6" name="Picture 6" descr="A picture containing text&#10;&#10;Description automatically generated">
            <a:extLst>
              <a:ext uri="{FF2B5EF4-FFF2-40B4-BE49-F238E27FC236}">
                <a16:creationId xmlns:a16="http://schemas.microsoft.com/office/drawing/2014/main" id="{E5E5EF28-2CC3-498D-98F8-5DA369DE2683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21007041" y="927847"/>
            <a:ext cx="1040042" cy="1228164"/>
          </a:xfrm>
          <a:prstGeom prst="rect">
            <a:avLst/>
          </a:prstGeom>
        </p:spPr>
      </p:pic>
      <p:pic>
        <p:nvPicPr>
          <p:cNvPr id="4" name="Picture 6" descr="A picture containing text, clipart&#10;&#10;Description automatically generated">
            <a:extLst>
              <a:ext uri="{FF2B5EF4-FFF2-40B4-BE49-F238E27FC236}">
                <a16:creationId xmlns:a16="http://schemas.microsoft.com/office/drawing/2014/main" id="{4A1B22DD-5E4C-4041-8289-69A3BB55CB47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9098524" y="12512449"/>
            <a:ext cx="2448244" cy="1209675"/>
          </a:xfrm>
          <a:prstGeom prst="rect">
            <a:avLst/>
          </a:prstGeom>
        </p:spPr>
      </p:pic>
      <p:graphicFrame>
        <p:nvGraphicFramePr>
          <p:cNvPr id="8" name="Table 7">
            <a:extLst>
              <a:ext uri="{FF2B5EF4-FFF2-40B4-BE49-F238E27FC236}">
                <a16:creationId xmlns:a16="http://schemas.microsoft.com/office/drawing/2014/main" id="{E367EA4B-9468-4EFE-9B97-668E3C853FC8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2781912678"/>
              </p:ext>
            </p:extLst>
          </p:nvPr>
        </p:nvGraphicFramePr>
        <p:xfrm>
          <a:off x="14976486" y="3067730"/>
          <a:ext cx="8314926" cy="6527930"/>
        </p:xfrm>
        <a:graphic>
          <a:graphicData uri="http://schemas.openxmlformats.org/drawingml/2006/table">
            <a:tbl>
              <a:tblPr firstRow="1" bandRow="1">
                <a:tableStyleId>{912C8C85-51F0-491E-9774-3900AFEF0FD7}</a:tableStyleId>
              </a:tblPr>
              <a:tblGrid>
                <a:gridCol w="4934857">
                  <a:extLst>
                    <a:ext uri="{9D8B030D-6E8A-4147-A177-3AD203B41FA5}">
                      <a16:colId xmlns:a16="http://schemas.microsoft.com/office/drawing/2014/main" val="2764358546"/>
                    </a:ext>
                  </a:extLst>
                </a:gridCol>
                <a:gridCol w="3380069">
                  <a:extLst>
                    <a:ext uri="{9D8B030D-6E8A-4147-A177-3AD203B41FA5}">
                      <a16:colId xmlns:a16="http://schemas.microsoft.com/office/drawing/2014/main" val="1447269225"/>
                    </a:ext>
                  </a:extLst>
                </a:gridCol>
              </a:tblGrid>
              <a:tr h="849223">
                <a:tc>
                  <a:txBody>
                    <a:bodyPr/>
                    <a:lstStyle/>
                    <a:p>
                      <a:pPr algn="just" fontAlgn="base"/>
                      <a:r>
                        <a:rPr lang="en-US" sz="2800" dirty="0">
                          <a:effectLst/>
                        </a:rPr>
                        <a:t>Variable ​</a:t>
                      </a:r>
                      <a:endParaRPr lang="en-US" sz="2800">
                        <a:effectLst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 fontAlgn="base"/>
                      <a:r>
                        <a:rPr lang="en-US" sz="2800" dirty="0">
                          <a:effectLst/>
                        </a:rPr>
                        <a:t>Percentage (%)​</a:t>
                      </a:r>
                      <a:endParaRPr lang="en-US" sz="2800">
                        <a:effectLst/>
                      </a:endParaRP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4194937205"/>
                  </a:ext>
                </a:extLst>
              </a:tr>
              <a:tr h="544285">
                <a:tc>
                  <a:txBody>
                    <a:bodyPr/>
                    <a:lstStyle/>
                    <a:p>
                      <a:pPr algn="just" fontAlgn="base"/>
                      <a:r>
                        <a:rPr lang="en-US" sz="2800" b="1" dirty="0">
                          <a:solidFill>
                            <a:schemeClr val="accent6"/>
                          </a:solidFill>
                          <a:effectLst/>
                        </a:rPr>
                        <a:t>Age (years)*​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 fontAlgn="base"/>
                      <a:r>
                        <a:rPr lang="en-US" sz="2800" dirty="0">
                          <a:solidFill>
                            <a:schemeClr val="accent6"/>
                          </a:solidFill>
                          <a:effectLst/>
                        </a:rPr>
                        <a:t>13.60 ± 1.84​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996684170"/>
                  </a:ext>
                </a:extLst>
              </a:tr>
              <a:tr h="526142">
                <a:tc>
                  <a:txBody>
                    <a:bodyPr/>
                    <a:lstStyle/>
                    <a:p>
                      <a:pPr algn="just" fontAlgn="base"/>
                      <a:r>
                        <a:rPr lang="en-US" sz="2800" b="1" dirty="0">
                          <a:solidFill>
                            <a:schemeClr val="accent6"/>
                          </a:solidFill>
                          <a:effectLst/>
                        </a:rPr>
                        <a:t>Sex​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 fontAlgn="base"/>
                      <a:r>
                        <a:rPr lang="en-US" sz="2800" dirty="0">
                          <a:solidFill>
                            <a:schemeClr val="accent6"/>
                          </a:solidFill>
                          <a:effectLst/>
                        </a:rPr>
                        <a:t> ​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596623199"/>
                  </a:ext>
                </a:extLst>
              </a:tr>
              <a:tr h="526142">
                <a:tc>
                  <a:txBody>
                    <a:bodyPr/>
                    <a:lstStyle/>
                    <a:p>
                      <a:pPr algn="just" fontAlgn="base"/>
                      <a:r>
                        <a:rPr lang="en-US" sz="2800" dirty="0">
                          <a:solidFill>
                            <a:schemeClr val="accent6"/>
                          </a:solidFill>
                          <a:effectLst/>
                        </a:rPr>
                        <a:t>      Male​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 fontAlgn="base"/>
                      <a:r>
                        <a:rPr lang="en-US" sz="2800" dirty="0">
                          <a:solidFill>
                            <a:schemeClr val="accent6"/>
                          </a:solidFill>
                          <a:effectLst/>
                        </a:rPr>
                        <a:t>47%​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988846460"/>
                  </a:ext>
                </a:extLst>
              </a:tr>
              <a:tr h="526142">
                <a:tc>
                  <a:txBody>
                    <a:bodyPr/>
                    <a:lstStyle/>
                    <a:p>
                      <a:pPr algn="just" fontAlgn="base"/>
                      <a:r>
                        <a:rPr lang="en-US" sz="2800" dirty="0">
                          <a:solidFill>
                            <a:schemeClr val="accent6"/>
                          </a:solidFill>
                          <a:effectLst/>
                        </a:rPr>
                        <a:t>      Female​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 fontAlgn="base"/>
                      <a:r>
                        <a:rPr lang="en-US" sz="2800" dirty="0">
                          <a:solidFill>
                            <a:schemeClr val="accent6"/>
                          </a:solidFill>
                          <a:effectLst/>
                        </a:rPr>
                        <a:t>53%​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4136964926"/>
                  </a:ext>
                </a:extLst>
              </a:tr>
              <a:tr h="526142">
                <a:tc>
                  <a:txBody>
                    <a:bodyPr/>
                    <a:lstStyle/>
                    <a:p>
                      <a:pPr algn="just" fontAlgn="base"/>
                      <a:r>
                        <a:rPr lang="en-US" sz="2800" b="1" dirty="0">
                          <a:solidFill>
                            <a:schemeClr val="accent6"/>
                          </a:solidFill>
                          <a:effectLst/>
                        </a:rPr>
                        <a:t>Laterality​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 fontAlgn="base"/>
                      <a:r>
                        <a:rPr lang="en-US" sz="2800" dirty="0">
                          <a:solidFill>
                            <a:schemeClr val="accent6"/>
                          </a:solidFill>
                          <a:effectLst/>
                        </a:rPr>
                        <a:t> ​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773794557"/>
                  </a:ext>
                </a:extLst>
              </a:tr>
              <a:tr h="526142">
                <a:tc>
                  <a:txBody>
                    <a:bodyPr/>
                    <a:lstStyle/>
                    <a:p>
                      <a:pPr algn="just" fontAlgn="base"/>
                      <a:r>
                        <a:rPr lang="en-US" sz="2800" dirty="0">
                          <a:solidFill>
                            <a:schemeClr val="accent6"/>
                          </a:solidFill>
                          <a:effectLst/>
                        </a:rPr>
                        <a:t>      Right​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 fontAlgn="base"/>
                      <a:r>
                        <a:rPr lang="en-US" sz="2800" dirty="0">
                          <a:solidFill>
                            <a:schemeClr val="accent6"/>
                          </a:solidFill>
                          <a:effectLst/>
                        </a:rPr>
                        <a:t> 44%​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2077882042"/>
                  </a:ext>
                </a:extLst>
              </a:tr>
              <a:tr h="526142">
                <a:tc>
                  <a:txBody>
                    <a:bodyPr/>
                    <a:lstStyle/>
                    <a:p>
                      <a:pPr algn="just" fontAlgn="base"/>
                      <a:r>
                        <a:rPr lang="en-US" sz="2800" dirty="0">
                          <a:solidFill>
                            <a:schemeClr val="accent6"/>
                          </a:solidFill>
                          <a:effectLst/>
                        </a:rPr>
                        <a:t>      Left​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 fontAlgn="base"/>
                      <a:r>
                        <a:rPr lang="en-US" sz="2800" dirty="0">
                          <a:solidFill>
                            <a:schemeClr val="accent6"/>
                          </a:solidFill>
                          <a:effectLst/>
                        </a:rPr>
                        <a:t> 56%​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2130521807"/>
                  </a:ext>
                </a:extLst>
              </a:tr>
              <a:tr h="544285">
                <a:tc>
                  <a:txBody>
                    <a:bodyPr/>
                    <a:lstStyle/>
                    <a:p>
                      <a:pPr algn="just" fontAlgn="base"/>
                      <a:r>
                        <a:rPr lang="en-US" sz="2800" b="1" dirty="0">
                          <a:solidFill>
                            <a:schemeClr val="accent6"/>
                          </a:solidFill>
                          <a:effectLst/>
                        </a:rPr>
                        <a:t>Mechanism of Initial Injury ​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 fontAlgn="base"/>
                      <a:r>
                        <a:rPr lang="en-US" sz="2800" dirty="0">
                          <a:solidFill>
                            <a:schemeClr val="accent6"/>
                          </a:solidFill>
                          <a:effectLst/>
                        </a:rPr>
                        <a:t> ​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2081684123"/>
                  </a:ext>
                </a:extLst>
              </a:tr>
              <a:tr h="1433285">
                <a:tc>
                  <a:txBody>
                    <a:bodyPr/>
                    <a:lstStyle/>
                    <a:p>
                      <a:pPr algn="just" fontAlgn="base"/>
                      <a:r>
                        <a:rPr lang="en-US" sz="2800" dirty="0">
                          <a:solidFill>
                            <a:schemeClr val="accent6"/>
                          </a:solidFill>
                          <a:effectLst/>
                        </a:rPr>
                        <a:t>      Contact​</a:t>
                      </a:r>
                    </a:p>
                    <a:p>
                      <a:pPr algn="just" fontAlgn="base"/>
                      <a:r>
                        <a:rPr lang="en-US" sz="2800" dirty="0">
                          <a:solidFill>
                            <a:schemeClr val="accent6"/>
                          </a:solidFill>
                          <a:effectLst/>
                        </a:rPr>
                        <a:t>      Non-Contact​</a:t>
                      </a:r>
                    </a:p>
                    <a:p>
                      <a:pPr algn="just" fontAlgn="base"/>
                      <a:r>
                        <a:rPr lang="en-US" sz="2800" dirty="0">
                          <a:solidFill>
                            <a:schemeClr val="accent6"/>
                          </a:solidFill>
                          <a:effectLst/>
                        </a:rPr>
                        <a:t>      Not Sure ​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 fontAlgn="base"/>
                      <a:r>
                        <a:rPr lang="en-US" sz="2800" dirty="0">
                          <a:solidFill>
                            <a:schemeClr val="accent6"/>
                          </a:solidFill>
                          <a:effectLst/>
                        </a:rPr>
                        <a:t>17%​</a:t>
                      </a:r>
                    </a:p>
                    <a:p>
                      <a:pPr algn="ctr" fontAlgn="base"/>
                      <a:r>
                        <a:rPr lang="en-US" sz="2800" dirty="0">
                          <a:solidFill>
                            <a:schemeClr val="accent6"/>
                          </a:solidFill>
                          <a:effectLst/>
                        </a:rPr>
                        <a:t>73%​</a:t>
                      </a:r>
                    </a:p>
                    <a:p>
                      <a:pPr algn="ctr" fontAlgn="base"/>
                      <a:r>
                        <a:rPr lang="en-US" sz="2800" dirty="0">
                          <a:solidFill>
                            <a:schemeClr val="accent6"/>
                          </a:solidFill>
                          <a:effectLst/>
                        </a:rPr>
                        <a:t>10%​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3973395849"/>
                  </a:ext>
                </a:extLst>
              </a:tr>
            </a:tbl>
          </a:graphicData>
        </a:graphic>
      </p:graphicFrame>
    </p:spTree>
    <p:custDataLst>
      <p:tags r:id="rId1"/>
    </p:custDataLst>
    <p:extLst>
      <p:ext uri="{BB962C8B-B14F-4D97-AF65-F5344CB8AC3E}">
        <p14:creationId xmlns:p14="http://schemas.microsoft.com/office/powerpoint/2010/main" val="577599240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E3D7053-8A5C-7147-80A6-36B5F7E8710A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>
                <a:latin typeface="Arial"/>
                <a:cs typeface="Arial"/>
              </a:rPr>
              <a:t>Results</a:t>
            </a:r>
            <a:endParaRPr lang="en-US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85CC8F06-CCC9-7B42-B341-571DCF4151C3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18225059" y="5785510"/>
            <a:ext cx="5549741" cy="3572069"/>
          </a:xfrm>
        </p:spPr>
        <p:txBody>
          <a:bodyPr vert="horz" lIns="91440" tIns="45720" rIns="91440" bIns="45720" rtlCol="0" anchor="t">
            <a:normAutofit/>
          </a:bodyPr>
          <a:lstStyle/>
          <a:p>
            <a:pPr marL="571500" indent="-571500">
              <a:spcBef>
                <a:spcPts val="0"/>
              </a:spcBef>
              <a:spcAft>
                <a:spcPts val="0"/>
              </a:spcAft>
              <a:buFont typeface="Arial"/>
              <a:buChar char="•"/>
            </a:pPr>
            <a:r>
              <a:rPr lang="en-US" dirty="0">
                <a:solidFill>
                  <a:schemeClr val="accent6"/>
                </a:solidFill>
                <a:latin typeface="Arial"/>
                <a:cs typeface="Arial"/>
              </a:rPr>
              <a:t>6 patients were &lt;10 years old</a:t>
            </a:r>
            <a:endParaRPr lang="en-US" dirty="0">
              <a:solidFill>
                <a:schemeClr val="accent6"/>
              </a:solidFill>
            </a:endParaRPr>
          </a:p>
          <a:p>
            <a:pPr>
              <a:spcBef>
                <a:spcPts val="0"/>
              </a:spcBef>
              <a:spcAft>
                <a:spcPts val="0"/>
              </a:spcAft>
            </a:pPr>
            <a:endParaRPr lang="en-US" dirty="0">
              <a:solidFill>
                <a:schemeClr val="accent6"/>
              </a:solidFill>
              <a:latin typeface="Arial"/>
              <a:cs typeface="Arial"/>
            </a:endParaRPr>
          </a:p>
          <a:p>
            <a:pPr marL="571500" indent="-571500">
              <a:spcBef>
                <a:spcPts val="0"/>
              </a:spcBef>
              <a:spcAft>
                <a:spcPts val="0"/>
              </a:spcAft>
              <a:buFont typeface="Arial"/>
              <a:buChar char="•"/>
            </a:pPr>
            <a:r>
              <a:rPr lang="en-US" dirty="0">
                <a:solidFill>
                  <a:schemeClr val="accent6"/>
                </a:solidFill>
                <a:latin typeface="Arial"/>
                <a:cs typeface="Arial"/>
              </a:rPr>
              <a:t>5 patients were 17 or older</a:t>
            </a:r>
            <a:endParaRPr lang="en-US" dirty="0">
              <a:solidFill>
                <a:schemeClr val="accent6"/>
              </a:solidFill>
            </a:endParaRPr>
          </a:p>
          <a:p>
            <a:pPr marL="285750" indent="-285750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Font typeface="Arial,Sans-Serif"/>
              <a:buChar char="•"/>
            </a:pPr>
            <a:endParaRPr lang="en-US" dirty="0"/>
          </a:p>
          <a:p>
            <a:pPr marL="571500" indent="-571500">
              <a:lnSpc>
                <a:spcPct val="95000"/>
              </a:lnSpc>
              <a:spcBef>
                <a:spcPts val="500"/>
              </a:spcBef>
              <a:spcAft>
                <a:spcPts val="0"/>
              </a:spcAft>
              <a:buFont typeface="Arial"/>
              <a:buChar char="•"/>
            </a:pPr>
            <a:endParaRPr lang="uz-Cyrl-UZ" dirty="0"/>
          </a:p>
          <a:p>
            <a:pPr marL="304165" indent="-304165">
              <a:lnSpc>
                <a:spcPct val="95000"/>
              </a:lnSpc>
              <a:spcBef>
                <a:spcPts val="500"/>
              </a:spcBef>
              <a:spcAft>
                <a:spcPts val="0"/>
              </a:spcAft>
              <a:buFont typeface="Arial"/>
              <a:buChar char="•"/>
            </a:pPr>
            <a:endParaRPr lang="uz-Cyrl-UZ" dirty="0">
              <a:latin typeface="Arial"/>
              <a:cs typeface="Arial"/>
            </a:endParaRPr>
          </a:p>
          <a:p>
            <a:pPr marL="304165" indent="-304165">
              <a:lnSpc>
                <a:spcPct val="95000"/>
              </a:lnSpc>
              <a:spcBef>
                <a:spcPts val="500"/>
              </a:spcBef>
              <a:spcAft>
                <a:spcPts val="0"/>
              </a:spcAft>
              <a:buFont typeface="Arial"/>
              <a:buChar char="•"/>
            </a:pPr>
            <a:endParaRPr lang="en-US" dirty="0">
              <a:latin typeface="Arial"/>
              <a:cs typeface="Arial"/>
            </a:endParaRPr>
          </a:p>
          <a:p>
            <a:pPr>
              <a:lnSpc>
                <a:spcPct val="95000"/>
              </a:lnSpc>
              <a:spcBef>
                <a:spcPts val="500"/>
              </a:spcBef>
              <a:spcAft>
                <a:spcPts val="0"/>
              </a:spcAft>
            </a:pPr>
            <a:endParaRPr lang="uz-Cyrl-UZ" dirty="0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12409A53-AA9E-AA4F-886B-7947C01A42B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r>
              <a:rPr lang="en-US" dirty="0"/>
              <a:t>7</a:t>
            </a:r>
          </a:p>
        </p:txBody>
      </p:sp>
      <p:pic>
        <p:nvPicPr>
          <p:cNvPr id="6" name="Picture 6" descr="A picture containing text&#10;&#10;Description automatically generated">
            <a:extLst>
              <a:ext uri="{FF2B5EF4-FFF2-40B4-BE49-F238E27FC236}">
                <a16:creationId xmlns:a16="http://schemas.microsoft.com/office/drawing/2014/main" id="{E5E5EF28-2CC3-498D-98F8-5DA369DE2683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21007041" y="927847"/>
            <a:ext cx="1040042" cy="1228164"/>
          </a:xfrm>
          <a:prstGeom prst="rect">
            <a:avLst/>
          </a:prstGeom>
        </p:spPr>
      </p:pic>
      <p:pic>
        <p:nvPicPr>
          <p:cNvPr id="4" name="Picture 6" descr="A picture containing text, clipart&#10;&#10;Description automatically generated">
            <a:extLst>
              <a:ext uri="{FF2B5EF4-FFF2-40B4-BE49-F238E27FC236}">
                <a16:creationId xmlns:a16="http://schemas.microsoft.com/office/drawing/2014/main" id="{4A1B22DD-5E4C-4041-8289-69A3BB55CB47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9098524" y="12512449"/>
            <a:ext cx="2448244" cy="1209675"/>
          </a:xfrm>
          <a:prstGeom prst="rect">
            <a:avLst/>
          </a:prstGeom>
        </p:spPr>
      </p:pic>
      <mc:AlternateContent xmlns:mc="http://schemas.openxmlformats.org/markup-compatibility/2006">
        <mc:Choice xmlns:cx1="http://schemas.microsoft.com/office/drawing/2015/9/8/chartex" Requires="cx1">
          <p:graphicFrame>
            <p:nvGraphicFramePr>
              <p:cNvPr id="9" name="Chart 8">
                <a:extLst>
                  <a:ext uri="{FF2B5EF4-FFF2-40B4-BE49-F238E27FC236}">
                    <a16:creationId xmlns:a16="http://schemas.microsoft.com/office/drawing/2014/main" id="{B1930516-81AE-4F7E-BF2E-2BA2B4C7787C}"/>
                  </a:ext>
                </a:extLst>
              </p:cNvPr>
              <p:cNvGraphicFramePr/>
              <p:nvPr>
                <p:extLst>
                  <p:ext uri="{D42A27DB-BD31-4B8C-83A1-F6EECF244321}">
                    <p14:modId xmlns:p14="http://schemas.microsoft.com/office/powerpoint/2010/main" val="2710344118"/>
                  </p:ext>
                </p:extLst>
              </p:nvPr>
            </p:nvGraphicFramePr>
            <p:xfrm>
              <a:off x="1306456" y="3377522"/>
              <a:ext cx="14947842" cy="8654617"/>
            </p:xfrm>
            <a:graphic>
              <a:graphicData uri="http://schemas.microsoft.com/office/drawing/2014/chartex">
                <cx:chart xmlns:cx="http://schemas.microsoft.com/office/drawing/2014/chartex" xmlns:r="http://schemas.openxmlformats.org/officeDocument/2006/relationships" r:id="rId5"/>
              </a:graphicData>
            </a:graphic>
          </p:graphicFrame>
        </mc:Choice>
        <mc:Fallback>
          <p:pic>
            <p:nvPicPr>
              <p:cNvPr id="9" name="Chart 8">
                <a:extLst>
                  <a:ext uri="{FF2B5EF4-FFF2-40B4-BE49-F238E27FC236}">
                    <a16:creationId xmlns:a16="http://schemas.microsoft.com/office/drawing/2014/main" id="{B1930516-81AE-4F7E-BF2E-2BA2B4C7787C}"/>
                  </a:ext>
                </a:extLst>
              </p:cNvPr>
              <p:cNvPicPr>
                <a:picLocks noGrp="1" noRot="1" noChangeAspect="1" noMove="1" noResize="1" noEditPoints="1" noAdjustHandles="1" noChangeArrowheads="1" noChangeShapeType="1"/>
              </p:cNvPicPr>
              <p:nvPr/>
            </p:nvPicPr>
            <p:blipFill>
              <a:blip r:embed="rId6"/>
              <a:stretch>
                <a:fillRect/>
              </a:stretch>
            </p:blipFill>
            <p:spPr>
              <a:xfrm>
                <a:off x="1306456" y="3377522"/>
                <a:ext cx="14947842" cy="8654617"/>
              </a:xfrm>
              <a:prstGeom prst="rect">
                <a:avLst/>
              </a:prstGeom>
            </p:spPr>
          </p:pic>
        </mc:Fallback>
      </mc:AlternateContent>
      <p:sp>
        <p:nvSpPr>
          <p:cNvPr id="10" name="Rectangle 9">
            <a:extLst>
              <a:ext uri="{FF2B5EF4-FFF2-40B4-BE49-F238E27FC236}">
                <a16:creationId xmlns:a16="http://schemas.microsoft.com/office/drawing/2014/main" id="{B7985566-210C-484B-A1E4-649E7404FA57}"/>
              </a:ext>
            </a:extLst>
          </p:cNvPr>
          <p:cNvSpPr/>
          <p:nvPr/>
        </p:nvSpPr>
        <p:spPr>
          <a:xfrm>
            <a:off x="8223601" y="4243252"/>
            <a:ext cx="4840063" cy="7843316"/>
          </a:xfrm>
          <a:prstGeom prst="rect">
            <a:avLst/>
          </a:prstGeom>
          <a:noFill/>
          <a:ln w="38100">
            <a:solidFill>
              <a:srgbClr val="FF0000"/>
            </a:solidFill>
          </a:ln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ctr"/>
            <a:endParaRPr lang="en-US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654660158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E3D7053-8A5C-7147-80A6-36B5F7E8710A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>
                <a:latin typeface="Arial"/>
                <a:cs typeface="Arial"/>
              </a:rPr>
              <a:t>Results – Patellar Fixation</a:t>
            </a:r>
            <a:endParaRPr lang="en-US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85CC8F06-CCC9-7B42-B341-571DCF4151C3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1676619" y="3027796"/>
            <a:ext cx="11192904" cy="6293497"/>
          </a:xfrm>
        </p:spPr>
        <p:txBody>
          <a:bodyPr vert="horz" lIns="91440" tIns="45720" rIns="91440" bIns="45720" rtlCol="0" anchor="t">
            <a:normAutofit/>
          </a:bodyPr>
          <a:lstStyle/>
          <a:p>
            <a:pPr marL="571500" indent="-571500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Font typeface="Arial"/>
              <a:buChar char="•"/>
            </a:pPr>
            <a:r>
              <a:rPr lang="en-US" dirty="0">
                <a:solidFill>
                  <a:schemeClr val="accent6"/>
                </a:solidFill>
                <a:latin typeface="Arial"/>
                <a:cs typeface="Arial"/>
              </a:rPr>
              <a:t>47% of surgeons utilized autograft while 53% utilized allograft</a:t>
            </a:r>
            <a:endParaRPr lang="en-US" dirty="0">
              <a:solidFill>
                <a:schemeClr val="accent6"/>
              </a:solidFill>
            </a:endParaRPr>
          </a:p>
          <a:p>
            <a:pPr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</a:pPr>
            <a:endParaRPr lang="en-US" dirty="0">
              <a:solidFill>
                <a:schemeClr val="accent6"/>
              </a:solidFill>
              <a:latin typeface="Arial"/>
              <a:cs typeface="Arial"/>
            </a:endParaRPr>
          </a:p>
          <a:p>
            <a:pPr marL="571500" indent="-571500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Font typeface="Arial"/>
              <a:buChar char="•"/>
            </a:pPr>
            <a:r>
              <a:rPr lang="en-US" b="1" dirty="0">
                <a:solidFill>
                  <a:schemeClr val="accent6"/>
                </a:solidFill>
                <a:latin typeface="Arial"/>
                <a:cs typeface="Arial"/>
              </a:rPr>
              <a:t>Suture anchors </a:t>
            </a:r>
            <a:r>
              <a:rPr lang="en-US" dirty="0">
                <a:solidFill>
                  <a:schemeClr val="accent6"/>
                </a:solidFill>
                <a:latin typeface="Arial"/>
                <a:cs typeface="Arial"/>
              </a:rPr>
              <a:t>(including small tenodesis screws) were the most popular patellar fixation technique (</a:t>
            </a:r>
            <a:r>
              <a:rPr lang="en-US" b="1" dirty="0">
                <a:solidFill>
                  <a:schemeClr val="accent6"/>
                </a:solidFill>
                <a:latin typeface="Arial"/>
                <a:cs typeface="Arial"/>
              </a:rPr>
              <a:t>61%</a:t>
            </a:r>
            <a:r>
              <a:rPr lang="en-US" dirty="0">
                <a:solidFill>
                  <a:schemeClr val="accent6"/>
                </a:solidFill>
                <a:latin typeface="Arial"/>
                <a:cs typeface="Arial"/>
              </a:rPr>
              <a:t>), followed by the use of tunnel under a bone bridge (37%)</a:t>
            </a:r>
            <a:endParaRPr lang="en-US">
              <a:solidFill>
                <a:schemeClr val="accent6"/>
              </a:solidFill>
            </a:endParaRPr>
          </a:p>
          <a:p>
            <a:pPr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</a:pPr>
            <a:endParaRPr lang="en-US" dirty="0">
              <a:solidFill>
                <a:schemeClr val="accent6"/>
              </a:solidFill>
              <a:latin typeface="Arial"/>
              <a:cs typeface="Arial"/>
            </a:endParaRPr>
          </a:p>
          <a:p>
            <a:pPr marL="571500" indent="-571500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Font typeface="Arial"/>
              <a:buChar char="•"/>
            </a:pPr>
            <a:r>
              <a:rPr lang="en-US" dirty="0">
                <a:solidFill>
                  <a:schemeClr val="accent6"/>
                </a:solidFill>
                <a:latin typeface="Arial"/>
                <a:cs typeface="Arial"/>
              </a:rPr>
              <a:t>The majority of surgeons utilized 2 suture anchors (59%)</a:t>
            </a:r>
            <a:endParaRPr lang="en-US" dirty="0">
              <a:solidFill>
                <a:schemeClr val="accent6"/>
              </a:solidFill>
            </a:endParaRPr>
          </a:p>
          <a:p>
            <a:pPr marL="285750" indent="-285750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Font typeface="Arial,Sans-Serif"/>
              <a:buChar char="•"/>
            </a:pPr>
            <a:endParaRPr lang="en-US" dirty="0">
              <a:solidFill>
                <a:schemeClr val="accent6"/>
              </a:solidFill>
              <a:latin typeface="Arial"/>
              <a:cs typeface="Arial"/>
            </a:endParaRPr>
          </a:p>
          <a:p>
            <a:pPr marL="571500" indent="-571500">
              <a:spcBef>
                <a:spcPct val="0"/>
              </a:spcBef>
              <a:spcAft>
                <a:spcPct val="0"/>
              </a:spcAft>
              <a:buFont typeface="Arial"/>
              <a:buChar char="•"/>
            </a:pPr>
            <a:endParaRPr lang="en-US" dirty="0">
              <a:solidFill>
                <a:schemeClr val="accent6"/>
              </a:solidFill>
            </a:endParaRPr>
          </a:p>
          <a:p>
            <a:pPr marL="285750" indent="-285750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Font typeface="Arial,Sans-Serif"/>
              <a:buChar char="•"/>
            </a:pPr>
            <a:endParaRPr lang="en-US" dirty="0"/>
          </a:p>
          <a:p>
            <a:pPr marL="571500" indent="-571500">
              <a:lnSpc>
                <a:spcPct val="95000"/>
              </a:lnSpc>
              <a:spcBef>
                <a:spcPts val="500"/>
              </a:spcBef>
              <a:spcAft>
                <a:spcPts val="0"/>
              </a:spcAft>
              <a:buFont typeface="Arial"/>
              <a:buChar char="•"/>
            </a:pPr>
            <a:endParaRPr lang="uz-Cyrl-UZ" dirty="0"/>
          </a:p>
          <a:p>
            <a:pPr marL="304165" indent="-304165">
              <a:lnSpc>
                <a:spcPct val="95000"/>
              </a:lnSpc>
              <a:spcBef>
                <a:spcPts val="500"/>
              </a:spcBef>
              <a:spcAft>
                <a:spcPts val="0"/>
              </a:spcAft>
              <a:buFont typeface="Arial"/>
              <a:buChar char="•"/>
            </a:pPr>
            <a:endParaRPr lang="uz-Cyrl-UZ" dirty="0">
              <a:latin typeface="Arial"/>
              <a:cs typeface="Arial"/>
            </a:endParaRPr>
          </a:p>
          <a:p>
            <a:pPr marL="304165" indent="-304165">
              <a:lnSpc>
                <a:spcPct val="95000"/>
              </a:lnSpc>
              <a:spcBef>
                <a:spcPts val="500"/>
              </a:spcBef>
              <a:spcAft>
                <a:spcPts val="0"/>
              </a:spcAft>
              <a:buFont typeface="Arial"/>
              <a:buChar char="•"/>
            </a:pPr>
            <a:endParaRPr lang="en-US" dirty="0">
              <a:latin typeface="Arial"/>
              <a:cs typeface="Arial"/>
            </a:endParaRPr>
          </a:p>
          <a:p>
            <a:pPr>
              <a:lnSpc>
                <a:spcPct val="95000"/>
              </a:lnSpc>
              <a:spcBef>
                <a:spcPts val="500"/>
              </a:spcBef>
              <a:spcAft>
                <a:spcPts val="0"/>
              </a:spcAft>
            </a:pPr>
            <a:endParaRPr lang="uz-Cyrl-UZ" dirty="0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12409A53-AA9E-AA4F-886B-7947C01A42B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r>
              <a:rPr lang="en-US" dirty="0"/>
              <a:t>8</a:t>
            </a:r>
          </a:p>
        </p:txBody>
      </p:sp>
      <p:pic>
        <p:nvPicPr>
          <p:cNvPr id="6" name="Picture 6" descr="A picture containing text&#10;&#10;Description automatically generated">
            <a:extLst>
              <a:ext uri="{FF2B5EF4-FFF2-40B4-BE49-F238E27FC236}">
                <a16:creationId xmlns:a16="http://schemas.microsoft.com/office/drawing/2014/main" id="{E5E5EF28-2CC3-498D-98F8-5DA369DE2683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21007041" y="927847"/>
            <a:ext cx="1040042" cy="1228164"/>
          </a:xfrm>
          <a:prstGeom prst="rect">
            <a:avLst/>
          </a:prstGeom>
        </p:spPr>
      </p:pic>
      <p:pic>
        <p:nvPicPr>
          <p:cNvPr id="4" name="Picture 6" descr="A picture containing text, clipart&#10;&#10;Description automatically generated">
            <a:extLst>
              <a:ext uri="{FF2B5EF4-FFF2-40B4-BE49-F238E27FC236}">
                <a16:creationId xmlns:a16="http://schemas.microsoft.com/office/drawing/2014/main" id="{4A1B22DD-5E4C-4041-8289-69A3BB55CB47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9098524" y="12512449"/>
            <a:ext cx="2448244" cy="1209675"/>
          </a:xfrm>
          <a:prstGeom prst="rect">
            <a:avLst/>
          </a:prstGeom>
        </p:spPr>
      </p:pic>
      <p:pic>
        <p:nvPicPr>
          <p:cNvPr id="7" name="Picture 8">
            <a:extLst>
              <a:ext uri="{FF2B5EF4-FFF2-40B4-BE49-F238E27FC236}">
                <a16:creationId xmlns:a16="http://schemas.microsoft.com/office/drawing/2014/main" id="{38924FA0-5DFD-4AF7-9A59-C6EEC31D9B89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2447337" y="9813017"/>
            <a:ext cx="4564430" cy="2710996"/>
          </a:xfrm>
          <a:prstGeom prst="rect">
            <a:avLst/>
          </a:prstGeom>
        </p:spPr>
      </p:pic>
      <p:pic>
        <p:nvPicPr>
          <p:cNvPr id="9" name="Picture 9">
            <a:extLst>
              <a:ext uri="{FF2B5EF4-FFF2-40B4-BE49-F238E27FC236}">
                <a16:creationId xmlns:a16="http://schemas.microsoft.com/office/drawing/2014/main" id="{F323583E-9FAB-4607-8F85-329E48D1579D}"/>
              </a:ext>
            </a:extLst>
          </p:cNvPr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7489439" y="9810749"/>
            <a:ext cx="3065181" cy="2710996"/>
          </a:xfrm>
          <a:prstGeom prst="rect">
            <a:avLst/>
          </a:prstGeom>
        </p:spPr>
      </p:pic>
      <p:graphicFrame>
        <p:nvGraphicFramePr>
          <p:cNvPr id="11" name="Table 10">
            <a:extLst>
              <a:ext uri="{FF2B5EF4-FFF2-40B4-BE49-F238E27FC236}">
                <a16:creationId xmlns:a16="http://schemas.microsoft.com/office/drawing/2014/main" id="{4554DF3B-B933-43BA-92EB-40A43C10AD47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1439076718"/>
              </p:ext>
            </p:extLst>
          </p:nvPr>
        </p:nvGraphicFramePr>
        <p:xfrm>
          <a:off x="14788353" y="3991428"/>
          <a:ext cx="8358941" cy="7474805"/>
        </p:xfrm>
        <a:graphic>
          <a:graphicData uri="http://schemas.openxmlformats.org/drawingml/2006/table">
            <a:tbl>
              <a:tblPr firstRow="1" bandRow="1">
                <a:tableStyleId>{912C8C85-51F0-491E-9774-3900AFEF0FD7}</a:tableStyleId>
              </a:tblPr>
              <a:tblGrid>
                <a:gridCol w="4503399">
                  <a:extLst>
                    <a:ext uri="{9D8B030D-6E8A-4147-A177-3AD203B41FA5}">
                      <a16:colId xmlns:a16="http://schemas.microsoft.com/office/drawing/2014/main" val="2682266816"/>
                    </a:ext>
                  </a:extLst>
                </a:gridCol>
                <a:gridCol w="3855542">
                  <a:extLst>
                    <a:ext uri="{9D8B030D-6E8A-4147-A177-3AD203B41FA5}">
                      <a16:colId xmlns:a16="http://schemas.microsoft.com/office/drawing/2014/main" val="3694997294"/>
                    </a:ext>
                  </a:extLst>
                </a:gridCol>
              </a:tblGrid>
              <a:tr h="691101">
                <a:tc>
                  <a:txBody>
                    <a:bodyPr/>
                    <a:lstStyle/>
                    <a:p>
                      <a:pPr algn="just" fontAlgn="base"/>
                      <a:r>
                        <a:rPr lang="en-US" sz="2800" dirty="0">
                          <a:effectLst/>
                        </a:rPr>
                        <a:t>Variable ​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 fontAlgn="base"/>
                      <a:r>
                        <a:rPr lang="en-US" sz="2800" dirty="0">
                          <a:effectLst/>
                        </a:rPr>
                        <a:t>Percentage (%)​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855306564"/>
                  </a:ext>
                </a:extLst>
              </a:tr>
              <a:tr h="654728">
                <a:tc>
                  <a:txBody>
                    <a:bodyPr/>
                    <a:lstStyle/>
                    <a:p>
                      <a:pPr algn="just" fontAlgn="base"/>
                      <a:r>
                        <a:rPr lang="en-US" sz="2800" b="1" dirty="0">
                          <a:solidFill>
                            <a:schemeClr val="accent6"/>
                          </a:solidFill>
                          <a:effectLst/>
                        </a:rPr>
                        <a:t>Graft Choice​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 fontAlgn="auto"/>
                      <a:r>
                        <a:rPr lang="en-US" sz="2800" dirty="0">
                          <a:solidFill>
                            <a:schemeClr val="accent6"/>
                          </a:solidFill>
                          <a:effectLst/>
                        </a:rPr>
                        <a:t>​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04409196"/>
                  </a:ext>
                </a:extLst>
              </a:tr>
              <a:tr h="654728">
                <a:tc>
                  <a:txBody>
                    <a:bodyPr/>
                    <a:lstStyle/>
                    <a:p>
                      <a:pPr algn="just" fontAlgn="base"/>
                      <a:r>
                        <a:rPr lang="en-US" sz="2800" dirty="0">
                          <a:solidFill>
                            <a:schemeClr val="accent6"/>
                          </a:solidFill>
                          <a:effectLst/>
                        </a:rPr>
                        <a:t>      Autograft​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 fontAlgn="base"/>
                      <a:r>
                        <a:rPr lang="en-US" sz="2800" dirty="0">
                          <a:solidFill>
                            <a:schemeClr val="accent6"/>
                          </a:solidFill>
                          <a:effectLst/>
                        </a:rPr>
                        <a:t> 47%​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2044512310"/>
                  </a:ext>
                </a:extLst>
              </a:tr>
              <a:tr h="691101">
                <a:tc>
                  <a:txBody>
                    <a:bodyPr/>
                    <a:lstStyle/>
                    <a:p>
                      <a:pPr algn="just" fontAlgn="base"/>
                      <a:r>
                        <a:rPr lang="en-US" sz="2800" dirty="0">
                          <a:solidFill>
                            <a:schemeClr val="accent6"/>
                          </a:solidFill>
                          <a:effectLst/>
                        </a:rPr>
                        <a:t>      Allograft​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 fontAlgn="base"/>
                      <a:r>
                        <a:rPr lang="en-US" sz="2800" dirty="0">
                          <a:solidFill>
                            <a:schemeClr val="accent6"/>
                          </a:solidFill>
                          <a:effectLst/>
                        </a:rPr>
                        <a:t>53%​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3737570127"/>
                  </a:ext>
                </a:extLst>
              </a:tr>
              <a:tr h="654728">
                <a:tc>
                  <a:txBody>
                    <a:bodyPr/>
                    <a:lstStyle/>
                    <a:p>
                      <a:pPr algn="just" fontAlgn="base"/>
                      <a:r>
                        <a:rPr lang="en-US" sz="2800" b="1" dirty="0">
                          <a:solidFill>
                            <a:schemeClr val="accent6"/>
                          </a:solidFill>
                          <a:effectLst/>
                        </a:rPr>
                        <a:t>Patellar Fixation ​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 fontAlgn="auto"/>
                      <a:r>
                        <a:rPr lang="en-US" sz="2800" dirty="0">
                          <a:solidFill>
                            <a:schemeClr val="accent6"/>
                          </a:solidFill>
                          <a:effectLst/>
                        </a:rPr>
                        <a:t>​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416569115"/>
                  </a:ext>
                </a:extLst>
              </a:tr>
              <a:tr h="1836873">
                <a:tc>
                  <a:txBody>
                    <a:bodyPr/>
                    <a:lstStyle/>
                    <a:p>
                      <a:pPr algn="just" fontAlgn="base"/>
                      <a:r>
                        <a:rPr lang="en-US" sz="2800" dirty="0">
                          <a:solidFill>
                            <a:schemeClr val="accent6"/>
                          </a:solidFill>
                          <a:effectLst/>
                        </a:rPr>
                        <a:t>      Suture Anchors​</a:t>
                      </a:r>
                    </a:p>
                    <a:p>
                      <a:pPr algn="just" fontAlgn="base"/>
                      <a:r>
                        <a:rPr lang="en-US" sz="2800" dirty="0">
                          <a:solidFill>
                            <a:schemeClr val="accent6"/>
                          </a:solidFill>
                          <a:effectLst/>
                        </a:rPr>
                        <a:t>           1​</a:t>
                      </a:r>
                    </a:p>
                    <a:p>
                      <a:pPr algn="just" fontAlgn="base"/>
                      <a:r>
                        <a:rPr lang="en-US" sz="2800" dirty="0">
                          <a:solidFill>
                            <a:schemeClr val="accent6"/>
                          </a:solidFill>
                          <a:effectLst/>
                        </a:rPr>
                        <a:t>           2​</a:t>
                      </a:r>
                    </a:p>
                    <a:p>
                      <a:pPr algn="just" fontAlgn="base"/>
                      <a:r>
                        <a:rPr lang="en-US" sz="2800" dirty="0">
                          <a:solidFill>
                            <a:schemeClr val="accent6"/>
                          </a:solidFill>
                          <a:effectLst/>
                        </a:rPr>
                        <a:t>           3​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 fontAlgn="base"/>
                      <a:r>
                        <a:rPr lang="en-US" sz="2800" b="1" dirty="0">
                          <a:solidFill>
                            <a:schemeClr val="accent6"/>
                          </a:solidFill>
                          <a:effectLst/>
                        </a:rPr>
                        <a:t>61%​</a:t>
                      </a:r>
                    </a:p>
                    <a:p>
                      <a:pPr algn="ctr" fontAlgn="base"/>
                      <a:r>
                        <a:rPr lang="en-US" sz="2800" dirty="0">
                          <a:solidFill>
                            <a:schemeClr val="accent6"/>
                          </a:solidFill>
                          <a:effectLst/>
                        </a:rPr>
                        <a:t>24%​</a:t>
                      </a:r>
                    </a:p>
                    <a:p>
                      <a:pPr algn="ctr" fontAlgn="base"/>
                      <a:r>
                        <a:rPr lang="en-US" sz="2800" dirty="0">
                          <a:solidFill>
                            <a:schemeClr val="accent6"/>
                          </a:solidFill>
                          <a:effectLst/>
                        </a:rPr>
                        <a:t>36%​</a:t>
                      </a:r>
                    </a:p>
                    <a:p>
                      <a:pPr algn="ctr" fontAlgn="base"/>
                      <a:r>
                        <a:rPr lang="en-US" sz="2800" dirty="0">
                          <a:solidFill>
                            <a:schemeClr val="accent6"/>
                          </a:solidFill>
                          <a:effectLst/>
                        </a:rPr>
                        <a:t>1%​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3894052067"/>
                  </a:ext>
                </a:extLst>
              </a:tr>
              <a:tr h="672914">
                <a:tc>
                  <a:txBody>
                    <a:bodyPr/>
                    <a:lstStyle/>
                    <a:p>
                      <a:pPr algn="just" fontAlgn="base"/>
                      <a:r>
                        <a:rPr lang="en-US" sz="2800" dirty="0">
                          <a:solidFill>
                            <a:schemeClr val="accent6"/>
                          </a:solidFill>
                          <a:effectLst/>
                        </a:rPr>
                        <a:t>      Bone Bridge​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 fontAlgn="base"/>
                      <a:r>
                        <a:rPr lang="en-US" sz="2800" dirty="0">
                          <a:solidFill>
                            <a:schemeClr val="accent6"/>
                          </a:solidFill>
                          <a:effectLst/>
                        </a:rPr>
                        <a:t> 37%​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338298169"/>
                  </a:ext>
                </a:extLst>
              </a:tr>
              <a:tr h="963904">
                <a:tc>
                  <a:txBody>
                    <a:bodyPr/>
                    <a:lstStyle/>
                    <a:p>
                      <a:pPr algn="just" fontAlgn="base"/>
                      <a:r>
                        <a:rPr lang="en-US" sz="2800" dirty="0">
                          <a:solidFill>
                            <a:schemeClr val="accent6"/>
                          </a:solidFill>
                          <a:effectLst/>
                        </a:rPr>
                        <a:t>      Soft Tissue Fixation ​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 fontAlgn="base"/>
                      <a:r>
                        <a:rPr lang="en-US" sz="2800" dirty="0">
                          <a:solidFill>
                            <a:schemeClr val="accent6"/>
                          </a:solidFill>
                          <a:effectLst/>
                        </a:rPr>
                        <a:t> 1.5%​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622755194"/>
                  </a:ext>
                </a:extLst>
              </a:tr>
              <a:tr h="654728">
                <a:tc>
                  <a:txBody>
                    <a:bodyPr/>
                    <a:lstStyle/>
                    <a:p>
                      <a:pPr algn="just" fontAlgn="base"/>
                      <a:r>
                        <a:rPr lang="en-US" sz="2800" dirty="0">
                          <a:solidFill>
                            <a:schemeClr val="accent6"/>
                          </a:solidFill>
                          <a:effectLst/>
                        </a:rPr>
                        <a:t>      Docking Technique ​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 fontAlgn="base"/>
                      <a:r>
                        <a:rPr lang="en-US" sz="2800" dirty="0">
                          <a:solidFill>
                            <a:schemeClr val="accent6"/>
                          </a:solidFill>
                          <a:effectLst/>
                        </a:rPr>
                        <a:t> 0.5%​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499263580"/>
                  </a:ext>
                </a:extLst>
              </a:tr>
            </a:tbl>
          </a:graphicData>
        </a:graphic>
      </p:graphicFrame>
    </p:spTree>
    <p:custDataLst>
      <p:tags r:id="rId1"/>
    </p:custDataLst>
    <p:extLst>
      <p:ext uri="{BB962C8B-B14F-4D97-AF65-F5344CB8AC3E}">
        <p14:creationId xmlns:p14="http://schemas.microsoft.com/office/powerpoint/2010/main" val="1385532072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624008474711473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624008474711477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624008474711477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624008474711477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624008474711473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624008474711477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624008474711477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624008474711477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624008474711477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624008474711477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624008474711477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624008474711477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624008474711477"/>
</p:tagLst>
</file>

<file path=ppt/theme/theme1.xml><?xml version="1.0" encoding="utf-8"?>
<a:theme xmlns:a="http://schemas.openxmlformats.org/drawingml/2006/main" name="Office Theme">
  <a:themeElements>
    <a:clrScheme name="Custom 2">
      <a:dk1>
        <a:srgbClr val="0074BC"/>
      </a:dk1>
      <a:lt1>
        <a:srgbClr val="FFFFFF"/>
      </a:lt1>
      <a:dk2>
        <a:srgbClr val="231E1F"/>
      </a:dk2>
      <a:lt2>
        <a:srgbClr val="00B5EE"/>
      </a:lt2>
      <a:accent1>
        <a:srgbClr val="00438C"/>
      </a:accent1>
      <a:accent2>
        <a:srgbClr val="F5F7FB"/>
      </a:accent2>
      <a:accent3>
        <a:srgbClr val="C2CBD4"/>
      </a:accent3>
      <a:accent4>
        <a:srgbClr val="8EA5B1"/>
      </a:accent4>
      <a:accent5>
        <a:srgbClr val="47636E"/>
      </a:accent5>
      <a:accent6>
        <a:srgbClr val="1E383C"/>
      </a:accent6>
      <a:hlink>
        <a:srgbClr val="0563C1"/>
      </a:hlink>
      <a:folHlink>
        <a:srgbClr val="954F72"/>
      </a:folHlink>
    </a:clrScheme>
    <a:fontScheme name="Arial">
      <a:majorFont>
        <a:latin typeface="Arial" panose="020B0604020202020204"/>
        <a:ea typeface=""/>
        <a:cs typeface=""/>
        <a:font script="Jpan" typeface="ＭＳ Ｐゴシック"/>
        <a:font script="Hang" typeface="굴림"/>
        <a:font script="Hans" typeface="黑体"/>
        <a:font script="Hant" typeface="微軟正黑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ajorFont>
      <a:minorFont>
        <a:latin typeface="Arial" panose="020B0604020202020204"/>
        <a:ea typeface=""/>
        <a:cs typeface=""/>
        <a:font script="Jpan" typeface="ＭＳ Ｐゴシック"/>
        <a:font script="Hang" typeface="굴림"/>
        <a:font script="Hans" typeface="黑体"/>
        <a:font script="Hant" typeface="微軟正黑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 Them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Override1.xml><?xml version="1.0" encoding="utf-8"?>
<a:themeOverride xmlns:a="http://schemas.openxmlformats.org/drawingml/2006/main">
  <a:clrScheme name="Office">
    <a:dk1>
      <a:sysClr val="windowText" lastClr="000000"/>
    </a:dk1>
    <a:lt1>
      <a:sysClr val="window" lastClr="FFFFFF"/>
    </a:lt1>
    <a:dk2>
      <a:srgbClr val="44546A"/>
    </a:dk2>
    <a:lt2>
      <a:srgbClr val="E7E6E6"/>
    </a:lt2>
    <a:accent1>
      <a:srgbClr val="4472C4"/>
    </a:accent1>
    <a:accent2>
      <a:srgbClr val="ED7D31"/>
    </a:accent2>
    <a:accent3>
      <a:srgbClr val="A5A5A5"/>
    </a:accent3>
    <a:accent4>
      <a:srgbClr val="FFC000"/>
    </a:accent4>
    <a:accent5>
      <a:srgbClr val="5B9BD5"/>
    </a:accent5>
    <a:accent6>
      <a:srgbClr val="70AD47"/>
    </a:accent6>
    <a:hlink>
      <a:srgbClr val="0563C1"/>
    </a:hlink>
    <a:folHlink>
      <a:srgbClr val="954F72"/>
    </a:folHlink>
  </a:clrScheme>
  <a:fontScheme name="Office">
    <a:majorFont>
      <a:latin typeface="Calibri Light" panose="020F0302020204030204"/>
      <a:ea typeface=""/>
      <a:cs typeface=""/>
      <a:font script="Jpan" typeface="游ゴシック Light"/>
      <a:font script="Hang" typeface="맑은 고딕"/>
      <a:font script="Hans" typeface="等线 Light"/>
      <a:font script="Hant" typeface="新細明體"/>
      <a:font script="Arab" typeface="Times New Roman"/>
      <a:font script="Hebr" typeface="Times New Roman"/>
      <a:font script="Thai" typeface="Tahoma"/>
      <a:font script="Ethi" typeface="Nyala"/>
      <a:font script="Beng" typeface="Vrinda"/>
      <a:font script="Gujr" typeface="Shruti"/>
      <a:font script="Khmr" typeface="MoolBoran"/>
      <a:font script="Knda" typeface="Tunga"/>
      <a:font script="Guru" typeface="Raavi"/>
      <a:font script="Cans" typeface="Euphemia"/>
      <a:font script="Cher" typeface="Plantagenet Cherokee"/>
      <a:font script="Yiii" typeface="Microsoft Yi Baiti"/>
      <a:font script="Tibt" typeface="Microsoft Himalaya"/>
      <a:font script="Thaa" typeface="MV Boli"/>
      <a:font script="Deva" typeface="Mangal"/>
      <a:font script="Telu" typeface="Gautami"/>
      <a:font script="Taml" typeface="Latha"/>
      <a:font script="Syrc" typeface="Estrangelo Edessa"/>
      <a:font script="Orya" typeface="Kalinga"/>
      <a:font script="Mlym" typeface="Kartika"/>
      <a:font script="Laoo" typeface="DokChampa"/>
      <a:font script="Sinh" typeface="Iskoola Pota"/>
      <a:font script="Mong" typeface="Mongolian Baiti"/>
      <a:font script="Viet" typeface="Times New Roman"/>
      <a:font script="Uigh" typeface="Microsoft Uighur"/>
      <a:font script="Geor" typeface="Sylfaen"/>
      <a:font script="Armn" typeface="Arial"/>
      <a:font script="Bugi" typeface="Leelawadee UI"/>
      <a:font script="Bopo" typeface="Microsoft JhengHei"/>
      <a:font script="Java" typeface="Javanese Text"/>
      <a:font script="Lisu" typeface="Segoe UI"/>
      <a:font script="Mymr" typeface="Myanmar Text"/>
      <a:font script="Nkoo" typeface="Ebrima"/>
      <a:font script="Olck" typeface="Nirmala UI"/>
      <a:font script="Osma" typeface="Ebrima"/>
      <a:font script="Phag" typeface="Phagspa"/>
      <a:font script="Syrn" typeface="Estrangelo Edessa"/>
      <a:font script="Syrj" typeface="Estrangelo Edessa"/>
      <a:font script="Syre" typeface="Estrangelo Edessa"/>
      <a:font script="Sora" typeface="Nirmala UI"/>
      <a:font script="Tale" typeface="Microsoft Tai Le"/>
      <a:font script="Talu" typeface="Microsoft New Tai Lue"/>
      <a:font script="Tfng" typeface="Ebrima"/>
    </a:majorFont>
    <a:minorFont>
      <a:latin typeface="Calibri" panose="020F0502020204030204"/>
      <a:ea typeface=""/>
      <a:cs typeface=""/>
      <a:font script="Jpan" typeface="游ゴシック"/>
      <a:font script="Hang" typeface="맑은 고딕"/>
      <a:font script="Hans" typeface="等线"/>
      <a:font script="Hant" typeface="新細明體"/>
      <a:font script="Arab" typeface="Arial"/>
      <a:font script="Hebr" typeface="Arial"/>
      <a:font script="Thai" typeface="Tahoma"/>
      <a:font script="Ethi" typeface="Nyala"/>
      <a:font script="Beng" typeface="Vrinda"/>
      <a:font script="Gujr" typeface="Shruti"/>
      <a:font script="Khmr" typeface="DaunPenh"/>
      <a:font script="Knda" typeface="Tunga"/>
      <a:font script="Guru" typeface="Raavi"/>
      <a:font script="Cans" typeface="Euphemia"/>
      <a:font script="Cher" typeface="Plantagenet Cherokee"/>
      <a:font script="Yiii" typeface="Microsoft Yi Baiti"/>
      <a:font script="Tibt" typeface="Microsoft Himalaya"/>
      <a:font script="Thaa" typeface="MV Boli"/>
      <a:font script="Deva" typeface="Mangal"/>
      <a:font script="Telu" typeface="Gautami"/>
      <a:font script="Taml" typeface="Latha"/>
      <a:font script="Syrc" typeface="Estrangelo Edessa"/>
      <a:font script="Orya" typeface="Kalinga"/>
      <a:font script="Mlym" typeface="Kartika"/>
      <a:font script="Laoo" typeface="DokChampa"/>
      <a:font script="Sinh" typeface="Iskoola Pota"/>
      <a:font script="Mong" typeface="Mongolian Baiti"/>
      <a:font script="Viet" typeface="Arial"/>
      <a:font script="Uigh" typeface="Microsoft Uighur"/>
      <a:font script="Geor" typeface="Sylfaen"/>
      <a:font script="Armn" typeface="Arial"/>
      <a:font script="Bugi" typeface="Leelawadee UI"/>
      <a:font script="Bopo" typeface="Microsoft JhengHei"/>
      <a:font script="Java" typeface="Javanese Text"/>
      <a:font script="Lisu" typeface="Segoe UI"/>
      <a:font script="Mymr" typeface="Myanmar Text"/>
      <a:font script="Nkoo" typeface="Ebrima"/>
      <a:font script="Olck" typeface="Nirmala UI"/>
      <a:font script="Osma" typeface="Ebrima"/>
      <a:font script="Phag" typeface="Phagspa"/>
      <a:font script="Syrn" typeface="Estrangelo Edessa"/>
      <a:font script="Syrj" typeface="Estrangelo Edessa"/>
      <a:font script="Syre" typeface="Estrangelo Edessa"/>
      <a:font script="Sora" typeface="Nirmala UI"/>
      <a:font script="Tale" typeface="Microsoft Tai Le"/>
      <a:font script="Talu" typeface="Microsoft New Tai Lue"/>
      <a:font script="Tfng" typeface="Ebrima"/>
    </a:minorFont>
  </a:fontScheme>
  <a:fmtScheme name="Office">
    <a:fillStyleLst>
      <a:solidFill>
        <a:schemeClr val="phClr"/>
      </a:solidFill>
      <a:gradFill rotWithShape="1">
        <a:gsLst>
          <a:gs pos="0">
            <a:schemeClr val="phClr">
              <a:lumMod val="110000"/>
              <a:satMod val="105000"/>
              <a:tint val="67000"/>
            </a:schemeClr>
          </a:gs>
          <a:gs pos="50000">
            <a:schemeClr val="phClr">
              <a:lumMod val="105000"/>
              <a:satMod val="103000"/>
              <a:tint val="73000"/>
            </a:schemeClr>
          </a:gs>
          <a:gs pos="100000">
            <a:schemeClr val="phClr">
              <a:lumMod val="105000"/>
              <a:satMod val="109000"/>
              <a:tint val="81000"/>
            </a:schemeClr>
          </a:gs>
        </a:gsLst>
        <a:lin ang="5400000" scaled="0"/>
      </a:gradFill>
      <a:gradFill rotWithShape="1">
        <a:gsLst>
          <a:gs pos="0">
            <a:schemeClr val="phClr">
              <a:satMod val="103000"/>
              <a:lumMod val="102000"/>
              <a:tint val="94000"/>
            </a:schemeClr>
          </a:gs>
          <a:gs pos="50000">
            <a:schemeClr val="phClr">
              <a:satMod val="110000"/>
              <a:lumMod val="100000"/>
              <a:shade val="100000"/>
            </a:schemeClr>
          </a:gs>
          <a:gs pos="100000">
            <a:schemeClr val="phClr">
              <a:lumMod val="99000"/>
              <a:satMod val="120000"/>
              <a:shade val="78000"/>
            </a:schemeClr>
          </a:gs>
        </a:gsLst>
        <a:lin ang="5400000" scaled="0"/>
      </a:gradFill>
    </a:fillStyleLst>
    <a:lnStyleLst>
      <a:ln w="6350" cap="flat" cmpd="sng" algn="ctr">
        <a:solidFill>
          <a:schemeClr val="phClr"/>
        </a:solidFill>
        <a:prstDash val="solid"/>
        <a:miter lim="800000"/>
      </a:ln>
      <a:ln w="12700" cap="flat" cmpd="sng" algn="ctr">
        <a:solidFill>
          <a:schemeClr val="phClr"/>
        </a:solidFill>
        <a:prstDash val="solid"/>
        <a:miter lim="800000"/>
      </a:ln>
      <a:ln w="19050" cap="flat" cmpd="sng" algn="ctr">
        <a:solidFill>
          <a:schemeClr val="phClr"/>
        </a:solidFill>
        <a:prstDash val="solid"/>
        <a:miter lim="800000"/>
      </a:ln>
    </a:lnStyleLst>
    <a:effectStyleLst>
      <a:effectStyle>
        <a:effectLst/>
      </a:effectStyle>
      <a:effectStyle>
        <a:effectLst/>
      </a:effectStyle>
      <a:effectStyle>
        <a:effectLst>
          <a:outerShdw blurRad="57150" dist="19050" dir="5400000" algn="ctr" rotWithShape="0">
            <a:srgbClr val="000000">
              <a:alpha val="63000"/>
            </a:srgbClr>
          </a:outerShdw>
        </a:effectLst>
      </a:effectStyle>
    </a:effectStyleLst>
    <a:bgFillStyleLst>
      <a:solidFill>
        <a:schemeClr val="phClr"/>
      </a:solidFill>
      <a:solidFill>
        <a:schemeClr val="phClr">
          <a:tint val="95000"/>
          <a:satMod val="170000"/>
        </a:schemeClr>
      </a:solidFill>
      <a:gradFill rotWithShape="1">
        <a:gsLst>
          <a:gs pos="0">
            <a:schemeClr val="phClr">
              <a:tint val="93000"/>
              <a:satMod val="150000"/>
              <a:shade val="98000"/>
              <a:lumMod val="102000"/>
            </a:schemeClr>
          </a:gs>
          <a:gs pos="50000">
            <a:schemeClr val="phClr">
              <a:tint val="98000"/>
              <a:satMod val="130000"/>
              <a:shade val="90000"/>
              <a:lumMod val="103000"/>
            </a:schemeClr>
          </a:gs>
          <a:gs pos="100000">
            <a:schemeClr val="phClr">
              <a:shade val="63000"/>
              <a:satMod val="120000"/>
            </a:schemeClr>
          </a:gs>
        </a:gsLst>
        <a:lin ang="5400000" scaled="0"/>
      </a:gradFill>
    </a:bgFillStyleLst>
  </a:fmtScheme>
</a:themeOverride>
</file>

<file path=docProps/app.xml><?xml version="1.0" encoding="utf-8"?>
<Properties xmlns="http://schemas.openxmlformats.org/officeDocument/2006/extended-properties" xmlns:vt="http://schemas.openxmlformats.org/officeDocument/2006/docPropsVTypes">
  <Template>Office Theme</Template>
  <TotalTime>3570</TotalTime>
  <Words>36</Words>
  <Application>Microsoft Office PowerPoint</Application>
  <PresentationFormat>Custom</PresentationFormat>
  <Paragraphs>8</Paragraphs>
  <Slides>13</Slides>
  <Notes>0</Notes>
  <HiddenSlides>0</HiddenSlides>
  <MMClips>0</MMClips>
  <ScaleCrop>false</ScaleCrop>
  <HeadingPairs>
    <vt:vector size="4" baseType="variant">
      <vt:variant>
        <vt:lpstr>Theme</vt:lpstr>
      </vt:variant>
      <vt:variant>
        <vt:i4>1</vt:i4>
      </vt:variant>
      <vt:variant>
        <vt:lpstr>Slide Titles</vt:lpstr>
      </vt:variant>
      <vt:variant>
        <vt:i4>13</vt:i4>
      </vt:variant>
    </vt:vector>
  </HeadingPairs>
  <TitlesOfParts>
    <vt:vector size="14" baseType="lpstr">
      <vt:lpstr>Office Theme</vt:lpstr>
      <vt:lpstr>Technique Variation for MPFL Reconstruction  in Skeletally Immature Patients: Data from the JUPITER Cohort </vt:lpstr>
      <vt:lpstr>Author Disclosures</vt:lpstr>
      <vt:lpstr>Background</vt:lpstr>
      <vt:lpstr>Background</vt:lpstr>
      <vt:lpstr>Purpose &amp; Methods</vt:lpstr>
      <vt:lpstr>Purpose &amp; Methods</vt:lpstr>
      <vt:lpstr>Results</vt:lpstr>
      <vt:lpstr>Results</vt:lpstr>
      <vt:lpstr>Results – Patellar Fixation</vt:lpstr>
      <vt:lpstr>Results – Femoral Fixation</vt:lpstr>
      <vt:lpstr>Results – Concomitant Procedures</vt:lpstr>
      <vt:lpstr>Conclusion</vt:lpstr>
      <vt:lpstr>Thank you!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dc:creator>Microsoft Office User</dc:creator>
  <cp:lastModifiedBy>Chipman, Danielle</cp:lastModifiedBy>
  <cp:revision>845</cp:revision>
  <dcterms:created xsi:type="dcterms:W3CDTF">2019-08-09T17:39:31Z</dcterms:created>
  <dcterms:modified xsi:type="dcterms:W3CDTF">2022-03-16T14:42:13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TemplafyTimeStamp">
    <vt:lpwstr>2021-05-20T19:14:33.9921615</vt:lpwstr>
  </property>
  <property fmtid="{D5CDD505-2E9C-101B-9397-08002B2CF9AE}" pid="3" name="CustomerId">
    <vt:lpwstr>hss</vt:lpwstr>
  </property>
  <property fmtid="{D5CDD505-2E9C-101B-9397-08002B2CF9AE}" pid="4" name="TemplateId">
    <vt:lpwstr>637104106819584740</vt:lpwstr>
  </property>
  <property fmtid="{D5CDD505-2E9C-101B-9397-08002B2CF9AE}" pid="5" name="UserProfileId">
    <vt:lpwstr>637605893083724781</vt:lpwstr>
  </property>
</Properties>
</file>